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CE78A2BD-4048-4DEA-949D-006BB168B052}" xr6:coauthVersionLast="47" xr6:coauthVersionMax="47" xr10:uidLastSave="{00000000-0000-0000-0000-000000000000}"/>
  <bookViews>
    <workbookView xWindow="5175" yWindow="-16320" windowWidth="29040" windowHeight="15720" xr2:uid="{B72C0D57-CF9E-4F15-BD76-ED8394B21EFF}"/>
  </bookViews>
  <sheets>
    <sheet name="sheet8-1" sheetId="1" r:id="rId1"/>
  </sheets>
  <externalReferences>
    <externalReference r:id="rId2"/>
  </externalReferences>
  <definedNames>
    <definedName name="_xlnm.Print_Area" localSheetId="0">'sheet8-1'!$A$7:$AA$3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A33" i="1" l="1"/>
  <c r="Z33" i="1"/>
  <c r="Y33" i="1"/>
  <c r="X33" i="1"/>
  <c r="W33" i="1"/>
  <c r="V33" i="1"/>
  <c r="U33" i="1"/>
  <c r="T33" i="1"/>
  <c r="Q33" i="1"/>
  <c r="P33" i="1"/>
  <c r="O33" i="1"/>
  <c r="N33" i="1"/>
  <c r="M33" i="1"/>
  <c r="L33" i="1"/>
  <c r="K33" i="1"/>
  <c r="J33" i="1"/>
  <c r="I33" i="1"/>
  <c r="H33" i="1"/>
  <c r="G33" i="1"/>
  <c r="F33" i="1"/>
  <c r="E33" i="1"/>
  <c r="D33" i="1"/>
  <c r="C33" i="1"/>
  <c r="AA32" i="1"/>
  <c r="Z32" i="1"/>
  <c r="Y32" i="1"/>
  <c r="X32" i="1"/>
  <c r="W32" i="1"/>
  <c r="V32" i="1"/>
  <c r="U32" i="1"/>
  <c r="T32" i="1"/>
  <c r="Q32" i="1"/>
  <c r="P32" i="1"/>
  <c r="O32" i="1"/>
  <c r="N32" i="1"/>
  <c r="M32" i="1"/>
  <c r="L32" i="1"/>
  <c r="K32" i="1"/>
  <c r="J32" i="1"/>
  <c r="I32" i="1"/>
  <c r="H32" i="1"/>
  <c r="G32" i="1"/>
  <c r="F32" i="1"/>
  <c r="E32" i="1"/>
  <c r="D32" i="1"/>
  <c r="C32" i="1"/>
  <c r="AA31" i="1"/>
  <c r="Z31" i="1"/>
  <c r="Y31" i="1"/>
  <c r="X31" i="1"/>
  <c r="W31" i="1"/>
  <c r="V31" i="1"/>
  <c r="U31" i="1"/>
  <c r="T31" i="1"/>
  <c r="Q31" i="1"/>
  <c r="P31" i="1"/>
  <c r="O31" i="1"/>
  <c r="N31" i="1"/>
  <c r="M31" i="1"/>
  <c r="L31" i="1"/>
  <c r="K31" i="1"/>
  <c r="J31" i="1"/>
  <c r="I31" i="1"/>
  <c r="H31" i="1"/>
  <c r="G31" i="1"/>
  <c r="F31" i="1"/>
  <c r="E31" i="1"/>
  <c r="D31" i="1"/>
  <c r="C31" i="1"/>
  <c r="AA30" i="1"/>
  <c r="Z30" i="1"/>
  <c r="Y30" i="1"/>
  <c r="X30" i="1"/>
  <c r="W30" i="1"/>
  <c r="V30" i="1"/>
  <c r="U30" i="1"/>
  <c r="T30" i="1"/>
  <c r="Q30" i="1"/>
  <c r="P30" i="1"/>
  <c r="O30" i="1"/>
  <c r="N30" i="1"/>
  <c r="M30" i="1"/>
  <c r="L30" i="1"/>
  <c r="K30" i="1"/>
  <c r="J30" i="1"/>
  <c r="I30" i="1"/>
  <c r="H30" i="1"/>
  <c r="G30" i="1"/>
  <c r="F30" i="1"/>
  <c r="E30" i="1"/>
  <c r="D30" i="1"/>
  <c r="C30" i="1"/>
  <c r="AA29" i="1"/>
  <c r="Z29" i="1"/>
  <c r="Y29" i="1"/>
  <c r="X29" i="1"/>
  <c r="W29" i="1"/>
  <c r="V29" i="1"/>
  <c r="U29" i="1"/>
  <c r="T29" i="1"/>
  <c r="Q29" i="1"/>
  <c r="P29" i="1"/>
  <c r="O29" i="1"/>
  <c r="N29" i="1"/>
  <c r="M29" i="1"/>
  <c r="L29" i="1"/>
  <c r="K29" i="1"/>
  <c r="J29" i="1"/>
  <c r="I29" i="1"/>
  <c r="H29" i="1"/>
  <c r="G29" i="1"/>
  <c r="F29" i="1"/>
  <c r="E29" i="1"/>
  <c r="D29" i="1"/>
  <c r="C29" i="1"/>
  <c r="AA28" i="1"/>
  <c r="Z28" i="1"/>
  <c r="Y28" i="1"/>
  <c r="X28" i="1"/>
  <c r="W28" i="1"/>
  <c r="V28" i="1"/>
  <c r="U28" i="1"/>
  <c r="T28" i="1"/>
  <c r="Q28" i="1"/>
  <c r="P28" i="1"/>
  <c r="O28" i="1"/>
  <c r="N28" i="1"/>
  <c r="M28" i="1"/>
  <c r="L28" i="1"/>
  <c r="K28" i="1"/>
  <c r="J28" i="1"/>
  <c r="I28" i="1"/>
  <c r="H28" i="1"/>
  <c r="G28" i="1"/>
  <c r="F28" i="1"/>
  <c r="E28" i="1"/>
  <c r="D28" i="1"/>
  <c r="C28" i="1"/>
  <c r="AA27" i="1"/>
  <c r="Z27" i="1"/>
  <c r="Y27" i="1"/>
  <c r="X27" i="1"/>
  <c r="W27" i="1"/>
  <c r="V27" i="1"/>
  <c r="U27" i="1"/>
  <c r="T27" i="1"/>
  <c r="Q27" i="1"/>
  <c r="P27" i="1"/>
  <c r="O27" i="1"/>
  <c r="N27" i="1"/>
  <c r="M27" i="1"/>
  <c r="L27" i="1"/>
  <c r="K27" i="1"/>
  <c r="J27" i="1"/>
  <c r="I27" i="1"/>
  <c r="H27" i="1"/>
  <c r="G27" i="1"/>
  <c r="F27" i="1"/>
  <c r="E27" i="1"/>
  <c r="D27" i="1"/>
  <c r="C27" i="1"/>
  <c r="AA26" i="1"/>
  <c r="Z26" i="1"/>
  <c r="Y26" i="1"/>
  <c r="X26" i="1"/>
  <c r="W26" i="1"/>
  <c r="V26" i="1"/>
  <c r="U26" i="1"/>
  <c r="T26" i="1"/>
  <c r="Q26" i="1"/>
  <c r="P26" i="1"/>
  <c r="O26" i="1"/>
  <c r="N26" i="1"/>
  <c r="M26" i="1"/>
  <c r="L26" i="1"/>
  <c r="K26" i="1"/>
  <c r="J26" i="1"/>
  <c r="I26" i="1"/>
  <c r="H26" i="1"/>
  <c r="G26" i="1"/>
  <c r="F26" i="1"/>
  <c r="E26" i="1"/>
  <c r="D26" i="1"/>
  <c r="C26" i="1"/>
  <c r="AA25" i="1"/>
  <c r="Z25" i="1"/>
  <c r="Y25" i="1"/>
  <c r="X25" i="1"/>
  <c r="W25" i="1"/>
  <c r="V25" i="1"/>
  <c r="U25" i="1"/>
  <c r="T25" i="1"/>
  <c r="Q25" i="1"/>
  <c r="P25" i="1"/>
  <c r="O25" i="1"/>
  <c r="N25" i="1"/>
  <c r="M25" i="1"/>
  <c r="L25" i="1"/>
  <c r="K25" i="1"/>
  <c r="J25" i="1"/>
  <c r="I25" i="1"/>
  <c r="H25" i="1"/>
  <c r="G25" i="1"/>
  <c r="F25" i="1"/>
  <c r="E25" i="1"/>
  <c r="D25" i="1"/>
  <c r="C25" i="1"/>
  <c r="AA24" i="1"/>
  <c r="Z24" i="1"/>
  <c r="Y24" i="1"/>
  <c r="X24" i="1"/>
  <c r="W24" i="1"/>
  <c r="V24" i="1"/>
  <c r="U24" i="1"/>
  <c r="T24" i="1"/>
  <c r="Q24" i="1"/>
  <c r="P24" i="1"/>
  <c r="O24" i="1"/>
  <c r="N24" i="1"/>
  <c r="M24" i="1"/>
  <c r="L24" i="1"/>
  <c r="K24" i="1"/>
  <c r="J24" i="1"/>
  <c r="I24" i="1"/>
  <c r="H24" i="1"/>
  <c r="G24" i="1"/>
  <c r="F24" i="1"/>
  <c r="E24" i="1"/>
  <c r="D24" i="1"/>
  <c r="C24" i="1"/>
  <c r="AA23" i="1"/>
  <c r="Z23" i="1"/>
  <c r="Y23" i="1"/>
  <c r="X23" i="1"/>
  <c r="W23" i="1"/>
  <c r="V23" i="1"/>
  <c r="U23" i="1"/>
  <c r="T23" i="1"/>
  <c r="Q23" i="1"/>
  <c r="P23" i="1"/>
  <c r="O23" i="1"/>
  <c r="N23" i="1"/>
  <c r="M23" i="1"/>
  <c r="L23" i="1"/>
  <c r="K23" i="1"/>
  <c r="J23" i="1"/>
  <c r="I23" i="1"/>
  <c r="H23" i="1"/>
  <c r="G23" i="1"/>
  <c r="F23" i="1"/>
  <c r="E23" i="1"/>
  <c r="D23" i="1"/>
  <c r="C23" i="1"/>
  <c r="AA22" i="1"/>
  <c r="Z22" i="1"/>
  <c r="Y22" i="1"/>
  <c r="X22" i="1"/>
  <c r="W22" i="1"/>
  <c r="V22" i="1"/>
  <c r="U22" i="1"/>
  <c r="T22" i="1"/>
  <c r="Q22" i="1"/>
  <c r="P22" i="1"/>
  <c r="O22" i="1"/>
  <c r="N22" i="1"/>
  <c r="M22" i="1"/>
  <c r="L22" i="1"/>
  <c r="K22" i="1"/>
  <c r="J22" i="1"/>
  <c r="I22" i="1"/>
  <c r="H22" i="1"/>
  <c r="G22" i="1"/>
  <c r="F22" i="1"/>
  <c r="E22" i="1"/>
  <c r="D22" i="1"/>
  <c r="C22" i="1"/>
  <c r="AA21" i="1"/>
  <c r="Z21" i="1"/>
  <c r="Y21" i="1"/>
  <c r="X21" i="1"/>
  <c r="W21" i="1"/>
  <c r="V21" i="1"/>
  <c r="U21" i="1"/>
  <c r="T21" i="1"/>
  <c r="Q21" i="1"/>
  <c r="P21" i="1"/>
  <c r="O21" i="1"/>
  <c r="N21" i="1"/>
  <c r="M21" i="1"/>
  <c r="L21" i="1"/>
  <c r="K21" i="1"/>
  <c r="J21" i="1"/>
  <c r="I21" i="1"/>
  <c r="H21" i="1"/>
  <c r="G21" i="1"/>
  <c r="F21" i="1"/>
  <c r="E21" i="1"/>
  <c r="D21" i="1"/>
  <c r="C21" i="1"/>
  <c r="AA20" i="1"/>
  <c r="Z20" i="1"/>
  <c r="Y20" i="1"/>
  <c r="X20" i="1"/>
  <c r="W20" i="1"/>
  <c r="V20" i="1"/>
  <c r="U20" i="1"/>
  <c r="T20" i="1"/>
  <c r="Q20" i="1"/>
  <c r="P20" i="1"/>
  <c r="O20" i="1"/>
  <c r="N20" i="1"/>
  <c r="M20" i="1"/>
  <c r="L20" i="1"/>
  <c r="K20" i="1"/>
  <c r="J20" i="1"/>
  <c r="I20" i="1"/>
  <c r="H20" i="1"/>
  <c r="G20" i="1"/>
  <c r="F20" i="1"/>
  <c r="E20" i="1"/>
  <c r="D20" i="1"/>
  <c r="C20" i="1"/>
  <c r="AA19" i="1"/>
  <c r="Z19" i="1"/>
  <c r="Y19" i="1"/>
  <c r="X19" i="1"/>
  <c r="W19" i="1"/>
  <c r="V19" i="1"/>
  <c r="U19" i="1"/>
  <c r="T19" i="1"/>
  <c r="Q19" i="1"/>
  <c r="P19" i="1"/>
  <c r="O19" i="1"/>
  <c r="N19" i="1"/>
  <c r="M19" i="1"/>
  <c r="L19" i="1"/>
  <c r="K19" i="1"/>
  <c r="J19" i="1"/>
  <c r="I19" i="1"/>
  <c r="H19" i="1"/>
  <c r="G19" i="1"/>
  <c r="F19" i="1"/>
  <c r="E19" i="1"/>
  <c r="D19" i="1"/>
  <c r="C19" i="1"/>
  <c r="AA18" i="1"/>
  <c r="Z18" i="1"/>
  <c r="Y18" i="1"/>
  <c r="X18" i="1"/>
  <c r="W18" i="1"/>
  <c r="V18" i="1"/>
  <c r="U18" i="1"/>
  <c r="T18" i="1"/>
  <c r="Q18" i="1"/>
  <c r="P18" i="1"/>
  <c r="O18" i="1"/>
  <c r="N18" i="1"/>
  <c r="M18" i="1"/>
  <c r="L18" i="1"/>
  <c r="K18" i="1"/>
  <c r="J18" i="1"/>
  <c r="I18" i="1"/>
  <c r="H18" i="1"/>
  <c r="G18" i="1"/>
  <c r="F18" i="1"/>
  <c r="E18" i="1"/>
  <c r="D18" i="1"/>
  <c r="C18" i="1"/>
  <c r="AA17" i="1"/>
  <c r="Z17" i="1"/>
  <c r="Y17" i="1"/>
  <c r="X17" i="1"/>
  <c r="W17" i="1"/>
  <c r="V17" i="1"/>
  <c r="U17" i="1"/>
  <c r="T17" i="1"/>
  <c r="Q17" i="1"/>
  <c r="P17" i="1"/>
  <c r="O17" i="1"/>
  <c r="N17" i="1"/>
  <c r="M17" i="1"/>
  <c r="L17" i="1"/>
  <c r="K17" i="1"/>
  <c r="J17" i="1"/>
  <c r="I17" i="1"/>
  <c r="H17" i="1"/>
  <c r="G17" i="1"/>
  <c r="F17" i="1"/>
  <c r="E17" i="1"/>
  <c r="D17" i="1"/>
  <c r="C17" i="1"/>
  <c r="AA16" i="1"/>
  <c r="Z16" i="1"/>
  <c r="Y16" i="1"/>
  <c r="X16" i="1"/>
  <c r="W16" i="1"/>
  <c r="V16" i="1"/>
  <c r="U16" i="1"/>
  <c r="T16" i="1"/>
  <c r="Q16" i="1"/>
  <c r="P16" i="1"/>
  <c r="O16" i="1"/>
  <c r="N16" i="1"/>
  <c r="M16" i="1"/>
  <c r="L16" i="1"/>
  <c r="K16" i="1"/>
  <c r="J16" i="1"/>
  <c r="I16" i="1"/>
  <c r="H16" i="1"/>
  <c r="G16" i="1"/>
  <c r="F16" i="1"/>
  <c r="E16" i="1"/>
  <c r="D16" i="1"/>
  <c r="C16" i="1"/>
  <c r="AA15" i="1"/>
  <c r="Z15" i="1"/>
  <c r="Y15" i="1"/>
  <c r="X15" i="1"/>
  <c r="W15" i="1"/>
  <c r="V15" i="1"/>
  <c r="U15" i="1"/>
  <c r="T15" i="1"/>
  <c r="Q15" i="1"/>
  <c r="P15" i="1"/>
  <c r="O15" i="1"/>
  <c r="N15" i="1"/>
  <c r="M15" i="1"/>
  <c r="L15" i="1"/>
  <c r="K15" i="1"/>
  <c r="J15" i="1"/>
  <c r="I15" i="1"/>
  <c r="H15" i="1"/>
  <c r="G15" i="1"/>
  <c r="F15" i="1"/>
  <c r="E15" i="1"/>
  <c r="D15" i="1"/>
  <c r="C15" i="1"/>
  <c r="AA13" i="1"/>
  <c r="Z13" i="1"/>
  <c r="Y13" i="1"/>
  <c r="X13" i="1"/>
  <c r="W13" i="1"/>
  <c r="V13" i="1"/>
  <c r="U13" i="1"/>
  <c r="T13" i="1"/>
  <c r="Q13" i="1"/>
  <c r="P13" i="1"/>
  <c r="O13" i="1"/>
  <c r="N13" i="1"/>
  <c r="M13" i="1"/>
  <c r="L13" i="1"/>
  <c r="K13" i="1"/>
  <c r="J13" i="1"/>
  <c r="I13" i="1"/>
  <c r="H13" i="1"/>
  <c r="G13" i="1"/>
  <c r="F13" i="1"/>
  <c r="E13" i="1"/>
  <c r="D13" i="1"/>
  <c r="C13" i="1"/>
  <c r="AA12" i="1"/>
  <c r="Z12" i="1"/>
  <c r="Y12" i="1"/>
  <c r="X12" i="1"/>
  <c r="W12" i="1"/>
  <c r="V12" i="1"/>
  <c r="U12" i="1"/>
  <c r="T12" i="1"/>
  <c r="Q12" i="1"/>
  <c r="P12" i="1"/>
  <c r="O12" i="1"/>
  <c r="N12" i="1"/>
  <c r="M12" i="1"/>
  <c r="L12" i="1"/>
  <c r="K12" i="1"/>
  <c r="J12" i="1"/>
  <c r="I12" i="1"/>
  <c r="H12" i="1"/>
  <c r="G12" i="1"/>
  <c r="F12" i="1"/>
  <c r="E12" i="1"/>
  <c r="D12" i="1"/>
  <c r="C12" i="1"/>
</calcChain>
</file>

<file path=xl/sharedStrings.xml><?xml version="1.0" encoding="utf-8"?>
<sst xmlns="http://schemas.openxmlformats.org/spreadsheetml/2006/main" count="213" uniqueCount="76">
  <si>
    <t>第８表　保険者別保険給付状況（退職被保険者等分）（その１）</t>
    <phoneticPr fontId="3"/>
  </si>
  <si>
    <t>第８表　保険者別保険給付状況（退職被保険者等分）（その２）</t>
    <phoneticPr fontId="3"/>
  </si>
  <si>
    <t>番
号</t>
    <rPh sb="0" eb="1">
      <t>バン</t>
    </rPh>
    <rPh sb="2" eb="3">
      <t>ゴウ</t>
    </rPh>
    <phoneticPr fontId="3"/>
  </si>
  <si>
    <t>保険者名</t>
    <rPh sb="0" eb="3">
      <t>ホケンシャ</t>
    </rPh>
    <rPh sb="3" eb="4">
      <t>メイ</t>
    </rPh>
    <phoneticPr fontId="3"/>
  </si>
  <si>
    <t>入院</t>
  </si>
  <si>
    <t>入院外</t>
  </si>
  <si>
    <t>歯科</t>
  </si>
  <si>
    <t>小計</t>
  </si>
  <si>
    <t>薬剤の支給</t>
  </si>
  <si>
    <t>食事療養・生活療養</t>
    <rPh sb="5" eb="7">
      <t>セイカツ</t>
    </rPh>
    <rPh sb="7" eb="9">
      <t>リョウヨウ</t>
    </rPh>
    <phoneticPr fontId="3"/>
  </si>
  <si>
    <t>訪問看護</t>
  </si>
  <si>
    <t>計</t>
    <rPh sb="0" eb="1">
      <t>ケイ</t>
    </rPh>
    <phoneticPr fontId="3"/>
  </si>
  <si>
    <t>件数</t>
  </si>
  <si>
    <t>日数</t>
  </si>
  <si>
    <t>費用額</t>
  </si>
  <si>
    <t>処方箋枚数</t>
  </si>
  <si>
    <t>件数</t>
    <rPh sb="0" eb="2">
      <t>ケンスウ</t>
    </rPh>
    <phoneticPr fontId="3"/>
  </si>
  <si>
    <t>F2#65+#83</t>
    <phoneticPr fontId="3"/>
  </si>
  <si>
    <t>F2#71+#90</t>
    <phoneticPr fontId="3"/>
  </si>
  <si>
    <t>F2#77+#97</t>
    <phoneticPr fontId="3"/>
  </si>
  <si>
    <t>F2#66+#84</t>
    <phoneticPr fontId="3"/>
  </si>
  <si>
    <t>F2#72+#91</t>
    <phoneticPr fontId="3"/>
  </si>
  <si>
    <t>F2#78+#98</t>
    <phoneticPr fontId="3"/>
  </si>
  <si>
    <t>F2#67+#85</t>
    <phoneticPr fontId="3"/>
  </si>
  <si>
    <t>F2#73+#92</t>
    <phoneticPr fontId="3"/>
  </si>
  <si>
    <t>F2#79+#99</t>
    <phoneticPr fontId="3"/>
  </si>
  <si>
    <t>F2#68+#86</t>
    <phoneticPr fontId="3"/>
  </si>
  <si>
    <t>F2#74+#93</t>
    <phoneticPr fontId="3"/>
  </si>
  <si>
    <t>F2#80+#100</t>
    <phoneticPr fontId="3"/>
  </si>
  <si>
    <t>F2#69+#87</t>
    <phoneticPr fontId="3"/>
  </si>
  <si>
    <t>F2#75+#94</t>
    <phoneticPr fontId="3"/>
  </si>
  <si>
    <t>F2#81+#101</t>
    <phoneticPr fontId="3"/>
  </si>
  <si>
    <t>F2#120+#123</t>
    <phoneticPr fontId="3"/>
  </si>
  <si>
    <t>F2#121+#124</t>
    <phoneticPr fontId="3"/>
  </si>
  <si>
    <t>F2#122+#125</t>
    <phoneticPr fontId="3"/>
  </si>
  <si>
    <t>F2#126+#129</t>
    <phoneticPr fontId="3"/>
  </si>
  <si>
    <t>F2#127+#130</t>
    <phoneticPr fontId="3"/>
  </si>
  <si>
    <t>F2#128+#131</t>
    <phoneticPr fontId="3"/>
  </si>
  <si>
    <t>F2#70+#88</t>
    <phoneticPr fontId="3"/>
  </si>
  <si>
    <t>F2#82+#102</t>
    <phoneticPr fontId="3"/>
  </si>
  <si>
    <t>第８表　保険者別保険給付状況（退職被保険者等分）（その１）</t>
    <rPh sb="4" eb="7">
      <t>ホケンシャ</t>
    </rPh>
    <rPh sb="7" eb="8">
      <t>ベツ</t>
    </rPh>
    <rPh sb="8" eb="10">
      <t>ホケン</t>
    </rPh>
    <rPh sb="10" eb="12">
      <t>キュウフ</t>
    </rPh>
    <rPh sb="12" eb="14">
      <t>ジョウキョウ</t>
    </rPh>
    <rPh sb="15" eb="17">
      <t>タイショク</t>
    </rPh>
    <rPh sb="17" eb="21">
      <t>ヒホケンシャ</t>
    </rPh>
    <rPh sb="21" eb="22">
      <t>トウ</t>
    </rPh>
    <rPh sb="22" eb="23">
      <t>ブン</t>
    </rPh>
    <phoneticPr fontId="3"/>
  </si>
  <si>
    <t>第８表　保険者別保険給付状況（退職被保険者等分）（その２）</t>
    <rPh sb="4" eb="7">
      <t>ホケンシャ</t>
    </rPh>
    <rPh sb="7" eb="8">
      <t>ベツ</t>
    </rPh>
    <rPh sb="8" eb="10">
      <t>ホケン</t>
    </rPh>
    <rPh sb="10" eb="12">
      <t>キュウフ</t>
    </rPh>
    <rPh sb="12" eb="14">
      <t>ジョウキョウ</t>
    </rPh>
    <rPh sb="15" eb="17">
      <t>タイショク</t>
    </rPh>
    <rPh sb="17" eb="21">
      <t>ヒホケンシャ</t>
    </rPh>
    <rPh sb="21" eb="22">
      <t>トウ</t>
    </rPh>
    <rPh sb="22" eb="23">
      <t>ブン</t>
    </rPh>
    <phoneticPr fontId="3"/>
  </si>
  <si>
    <t>療　　　　養　　　　の　　　　給　　　　付　　　　等</t>
    <rPh sb="0" eb="1">
      <t>リョウ</t>
    </rPh>
    <rPh sb="5" eb="6">
      <t>オサム</t>
    </rPh>
    <rPh sb="15" eb="16">
      <t>キュウ</t>
    </rPh>
    <rPh sb="20" eb="21">
      <t>ヅケ</t>
    </rPh>
    <rPh sb="25" eb="26">
      <t>トウ</t>
    </rPh>
    <phoneticPr fontId="3"/>
  </si>
  <si>
    <t>療　　　　養　　　　の　　　　給　　　　付</t>
    <phoneticPr fontId="3"/>
  </si>
  <si>
    <t>調剤</t>
    <rPh sb="0" eb="2">
      <t>チョウザイ</t>
    </rPh>
    <phoneticPr fontId="3"/>
  </si>
  <si>
    <t>処方箋枚数</t>
    <phoneticPr fontId="3"/>
  </si>
  <si>
    <t>回数</t>
    <rPh sb="0" eb="2">
      <t>カイスウ</t>
    </rPh>
    <phoneticPr fontId="3"/>
  </si>
  <si>
    <t>件</t>
    <rPh sb="0" eb="1">
      <t>ケン</t>
    </rPh>
    <phoneticPr fontId="3"/>
  </si>
  <si>
    <t>日</t>
    <rPh sb="0" eb="1">
      <t>ニチ</t>
    </rPh>
    <phoneticPr fontId="3"/>
  </si>
  <si>
    <t>千円</t>
    <rPh sb="0" eb="2">
      <t>センエン</t>
    </rPh>
    <phoneticPr fontId="3"/>
  </si>
  <si>
    <t>枚</t>
    <rPh sb="0" eb="1">
      <t>マイ</t>
    </rPh>
    <phoneticPr fontId="3"/>
  </si>
  <si>
    <t>回</t>
    <rPh sb="0" eb="1">
      <t>カイ</t>
    </rPh>
    <phoneticPr fontId="3"/>
  </si>
  <si>
    <t>都道府県計</t>
    <rPh sb="0" eb="4">
      <t>トドウフケン</t>
    </rPh>
    <rPh sb="4" eb="5">
      <t>ケイ</t>
    </rPh>
    <phoneticPr fontId="3"/>
  </si>
  <si>
    <t xml:space="preserve"> 市町村計</t>
  </si>
  <si>
    <t>国保組合計</t>
    <rPh sb="0" eb="2">
      <t>コクホ</t>
    </rPh>
    <rPh sb="2" eb="4">
      <t>クミアイ</t>
    </rPh>
    <rPh sb="4" eb="5">
      <t>ケイ</t>
    </rPh>
    <phoneticPr fontId="3"/>
  </si>
  <si>
    <t>－</t>
    <phoneticPr fontId="3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医師組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00"/>
    <numFmt numFmtId="177" formatCode="#,##0;&quot;△ &quot;#,##0"/>
  </numFmts>
  <fonts count="5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10"/>
      <color indexed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1">
    <xf numFmtId="0" fontId="0" fillId="0" borderId="0"/>
  </cellStyleXfs>
  <cellXfs count="64">
    <xf numFmtId="0" fontId="0" fillId="0" borderId="0" xfId="0"/>
    <xf numFmtId="0" fontId="1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 wrapText="1"/>
    </xf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vertical="center"/>
    </xf>
    <xf numFmtId="0" fontId="1" fillId="0" borderId="3" xfId="0" applyFont="1" applyBorder="1" applyAlignment="1">
      <alignment vertical="center"/>
    </xf>
    <xf numFmtId="0" fontId="1" fillId="0" borderId="4" xfId="0" applyFont="1" applyBorder="1" applyAlignment="1">
      <alignment vertical="center"/>
    </xf>
    <xf numFmtId="0" fontId="1" fillId="0" borderId="5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6" xfId="0" applyFont="1" applyBorder="1" applyAlignment="1">
      <alignment horizontal="right" vertical="center"/>
    </xf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horizontal="right" vertical="center"/>
    </xf>
    <xf numFmtId="0" fontId="1" fillId="0" borderId="8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 wrapText="1"/>
    </xf>
    <xf numFmtId="0" fontId="1" fillId="0" borderId="8" xfId="0" applyFont="1" applyBorder="1" applyAlignment="1">
      <alignment horizontal="center" vertical="center" wrapText="1"/>
    </xf>
    <xf numFmtId="0" fontId="1" fillId="0" borderId="5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 shrinkToFit="1"/>
    </xf>
    <xf numFmtId="0" fontId="1" fillId="0" borderId="13" xfId="0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center" wrapText="1"/>
    </xf>
    <xf numFmtId="0" fontId="1" fillId="0" borderId="1" xfId="0" applyFont="1" applyBorder="1" applyAlignment="1">
      <alignment vertical="center"/>
    </xf>
    <xf numFmtId="0" fontId="1" fillId="0" borderId="8" xfId="0" applyFont="1" applyBorder="1" applyAlignment="1">
      <alignment vertical="center"/>
    </xf>
    <xf numFmtId="0" fontId="1" fillId="0" borderId="1" xfId="0" applyFont="1" applyBorder="1" applyAlignment="1">
      <alignment horizontal="right" vertical="center"/>
    </xf>
    <xf numFmtId="0" fontId="1" fillId="0" borderId="9" xfId="0" applyFont="1" applyBorder="1" applyAlignment="1">
      <alignment vertical="center"/>
    </xf>
    <xf numFmtId="176" fontId="1" fillId="0" borderId="7" xfId="0" applyNumberFormat="1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3" fontId="4" fillId="0" borderId="7" xfId="0" applyNumberFormat="1" applyFont="1" applyBorder="1" applyAlignment="1">
      <alignment vertical="center"/>
    </xf>
    <xf numFmtId="176" fontId="1" fillId="0" borderId="13" xfId="0" applyNumberFormat="1" applyFont="1" applyBorder="1" applyAlignment="1">
      <alignment horizontal="center" vertical="center"/>
    </xf>
    <xf numFmtId="176" fontId="1" fillId="0" borderId="12" xfId="0" applyNumberFormat="1" applyFont="1" applyBorder="1" applyAlignment="1">
      <alignment horizontal="center" vertical="center"/>
    </xf>
    <xf numFmtId="176" fontId="1" fillId="0" borderId="6" xfId="0" applyNumberFormat="1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3" fontId="4" fillId="0" borderId="6" xfId="0" applyNumberFormat="1" applyFont="1" applyBorder="1" applyAlignment="1">
      <alignment vertical="center"/>
    </xf>
    <xf numFmtId="176" fontId="1" fillId="0" borderId="2" xfId="0" applyNumberFormat="1" applyFont="1" applyBorder="1" applyAlignment="1">
      <alignment horizontal="center" vertical="center"/>
    </xf>
    <xf numFmtId="176" fontId="1" fillId="0" borderId="4" xfId="0" applyNumberFormat="1" applyFont="1" applyBorder="1" applyAlignment="1">
      <alignment horizontal="center" vertical="center"/>
    </xf>
    <xf numFmtId="176" fontId="1" fillId="0" borderId="9" xfId="0" applyNumberFormat="1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3" fontId="4" fillId="0" borderId="1" xfId="0" applyNumberFormat="1" applyFont="1" applyBorder="1" applyAlignment="1">
      <alignment horizontal="right" vertical="center"/>
    </xf>
    <xf numFmtId="176" fontId="1" fillId="0" borderId="8" xfId="0" applyNumberFormat="1" applyFont="1" applyBorder="1" applyAlignment="1">
      <alignment horizontal="center" vertical="center"/>
    </xf>
    <xf numFmtId="0" fontId="1" fillId="0" borderId="12" xfId="0" applyFont="1" applyBorder="1" applyAlignment="1">
      <alignment horizontal="left" vertical="center"/>
    </xf>
    <xf numFmtId="0" fontId="1" fillId="0" borderId="6" xfId="0" applyFont="1" applyBorder="1" applyAlignment="1">
      <alignment horizontal="left" vertical="center"/>
    </xf>
    <xf numFmtId="177" fontId="4" fillId="0" borderId="6" xfId="0" applyNumberFormat="1" applyFont="1" applyBorder="1" applyAlignment="1">
      <alignment vertical="center"/>
    </xf>
    <xf numFmtId="0" fontId="1" fillId="0" borderId="4" xfId="0" applyFont="1" applyBorder="1" applyAlignment="1">
      <alignment horizontal="left" vertical="center"/>
    </xf>
    <xf numFmtId="0" fontId="1" fillId="0" borderId="1" xfId="0" applyFont="1" applyBorder="1" applyAlignment="1">
      <alignment horizontal="left" vertical="center"/>
    </xf>
    <xf numFmtId="177" fontId="4" fillId="0" borderId="1" xfId="0" applyNumberFormat="1" applyFont="1" applyBorder="1" applyAlignment="1">
      <alignment vertical="center"/>
    </xf>
    <xf numFmtId="176" fontId="1" fillId="0" borderId="11" xfId="0" applyNumberFormat="1" applyFont="1" applyBorder="1" applyAlignment="1">
      <alignment horizontal="center" vertical="center"/>
    </xf>
    <xf numFmtId="0" fontId="1" fillId="0" borderId="5" xfId="0" applyFont="1" applyBorder="1" applyAlignment="1">
      <alignment horizontal="left" vertical="center"/>
    </xf>
    <xf numFmtId="3" fontId="4" fillId="0" borderId="5" xfId="0" applyNumberFormat="1" applyFont="1" applyBorder="1" applyAlignment="1">
      <alignment horizontal="right" vertical="center"/>
    </xf>
    <xf numFmtId="176" fontId="1" fillId="0" borderId="10" xfId="0" applyNumberFormat="1" applyFont="1" applyBorder="1" applyAlignment="1">
      <alignment horizontal="center" vertical="center"/>
    </xf>
    <xf numFmtId="3" fontId="1" fillId="0" borderId="7" xfId="0" applyNumberFormat="1" applyFont="1" applyBorder="1" applyAlignment="1">
      <alignment vertical="center"/>
    </xf>
    <xf numFmtId="3" fontId="1" fillId="0" borderId="6" xfId="0" applyNumberFormat="1" applyFont="1" applyBorder="1" applyAlignment="1">
      <alignment vertical="center"/>
    </xf>
    <xf numFmtId="3" fontId="1" fillId="0" borderId="6" xfId="0" applyNumberFormat="1" applyFont="1" applyBorder="1" applyAlignment="1">
      <alignment horizontal="right" vertical="center"/>
    </xf>
    <xf numFmtId="177" fontId="1" fillId="0" borderId="7" xfId="0" applyNumberFormat="1" applyFont="1" applyBorder="1" applyAlignment="1">
      <alignment vertical="center"/>
    </xf>
    <xf numFmtId="177" fontId="1" fillId="0" borderId="6" xfId="0" applyNumberFormat="1" applyFont="1" applyBorder="1" applyAlignment="1">
      <alignment vertical="center"/>
    </xf>
    <xf numFmtId="3" fontId="1" fillId="0" borderId="7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&#65301;&#32113;&#35336;&#34920;&#65288;&#31532;8&amp;10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&#65301;&#32113;&#35336;&#34920;&#65288;&#31532;8&amp;10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8-1,8-2"/>
      <sheetName val="8-3,8-4"/>
      <sheetName val="第10表"/>
      <sheetName val="第10表 (#DIV→0に置き換え)"/>
      <sheetName val="第8,10表元データ"/>
    </sheetNames>
    <sheetDataSet>
      <sheetData sheetId="0"/>
      <sheetData sheetId="1"/>
      <sheetData sheetId="2"/>
      <sheetData sheetId="3"/>
      <sheetData sheetId="4">
        <row r="3">
          <cell r="D3">
            <v>0</v>
          </cell>
          <cell r="E3">
            <v>0</v>
          </cell>
          <cell r="F3">
            <v>0</v>
          </cell>
          <cell r="G3">
            <v>0</v>
          </cell>
          <cell r="H3">
            <v>0</v>
          </cell>
          <cell r="I3">
            <v>0</v>
          </cell>
          <cell r="J3">
            <v>0</v>
          </cell>
          <cell r="K3">
            <v>0</v>
          </cell>
          <cell r="L3">
            <v>0</v>
          </cell>
          <cell r="M3">
            <v>0</v>
          </cell>
          <cell r="N3">
            <v>0</v>
          </cell>
          <cell r="O3">
            <v>0</v>
          </cell>
          <cell r="P3">
            <v>0</v>
          </cell>
          <cell r="Q3">
            <v>0</v>
          </cell>
          <cell r="R3">
            <v>0</v>
          </cell>
          <cell r="S3">
            <v>0</v>
          </cell>
          <cell r="T3">
            <v>0</v>
          </cell>
          <cell r="U3">
            <v>0</v>
          </cell>
          <cell r="V3">
            <v>0</v>
          </cell>
          <cell r="W3">
            <v>0</v>
          </cell>
          <cell r="X3">
            <v>0</v>
          </cell>
          <cell r="Y3">
            <v>0</v>
          </cell>
          <cell r="Z3">
            <v>0</v>
          </cell>
          <cell r="AA3">
            <v>0</v>
          </cell>
          <cell r="AB3">
            <v>0</v>
          </cell>
          <cell r="AC3">
            <v>0</v>
          </cell>
          <cell r="AD3">
            <v>0</v>
          </cell>
          <cell r="AE3">
            <v>0</v>
          </cell>
          <cell r="AF3">
            <v>0</v>
          </cell>
          <cell r="AG3">
            <v>0</v>
          </cell>
          <cell r="AH3">
            <v>0</v>
          </cell>
          <cell r="AI3">
            <v>0</v>
          </cell>
          <cell r="AJ3">
            <v>0</v>
          </cell>
          <cell r="AK3">
            <v>0</v>
          </cell>
          <cell r="AL3">
            <v>0</v>
          </cell>
          <cell r="AM3">
            <v>0</v>
          </cell>
          <cell r="AN3">
            <v>0</v>
          </cell>
          <cell r="AO3">
            <v>0</v>
          </cell>
          <cell r="AP3">
            <v>0</v>
          </cell>
          <cell r="AQ3">
            <v>0</v>
          </cell>
          <cell r="AR3">
            <v>0</v>
          </cell>
          <cell r="AS3">
            <v>0</v>
          </cell>
          <cell r="AT3">
            <v>0</v>
          </cell>
          <cell r="AU3">
            <v>0</v>
          </cell>
          <cell r="AV3">
            <v>0</v>
          </cell>
          <cell r="AW3">
            <v>0</v>
          </cell>
        </row>
        <row r="4">
          <cell r="D4">
            <v>0</v>
          </cell>
          <cell r="E4">
            <v>0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0</v>
          </cell>
          <cell r="O4">
            <v>0</v>
          </cell>
          <cell r="P4">
            <v>0</v>
          </cell>
          <cell r="Q4">
            <v>0</v>
          </cell>
          <cell r="R4">
            <v>0</v>
          </cell>
          <cell r="S4">
            <v>0</v>
          </cell>
          <cell r="T4">
            <v>0</v>
          </cell>
          <cell r="U4">
            <v>0</v>
          </cell>
          <cell r="V4">
            <v>0</v>
          </cell>
          <cell r="W4">
            <v>0</v>
          </cell>
          <cell r="X4">
            <v>0</v>
          </cell>
          <cell r="Y4">
            <v>0</v>
          </cell>
          <cell r="Z4">
            <v>0</v>
          </cell>
          <cell r="AA4">
            <v>0</v>
          </cell>
          <cell r="AB4">
            <v>0</v>
          </cell>
          <cell r="AC4">
            <v>0</v>
          </cell>
          <cell r="AD4">
            <v>0</v>
          </cell>
          <cell r="AE4">
            <v>0</v>
          </cell>
          <cell r="AF4">
            <v>0</v>
          </cell>
          <cell r="AG4">
            <v>0</v>
          </cell>
          <cell r="AH4">
            <v>0</v>
          </cell>
          <cell r="AI4">
            <v>0</v>
          </cell>
          <cell r="AJ4">
            <v>0</v>
          </cell>
          <cell r="AK4">
            <v>0</v>
          </cell>
          <cell r="AL4">
            <v>0</v>
          </cell>
          <cell r="AM4">
            <v>0</v>
          </cell>
          <cell r="AN4">
            <v>0</v>
          </cell>
          <cell r="AO4">
            <v>0</v>
          </cell>
          <cell r="AP4">
            <v>0</v>
          </cell>
          <cell r="AQ4">
            <v>0</v>
          </cell>
          <cell r="AR4">
            <v>0</v>
          </cell>
          <cell r="AS4">
            <v>0</v>
          </cell>
          <cell r="AT4">
            <v>0</v>
          </cell>
          <cell r="AU4">
            <v>0</v>
          </cell>
          <cell r="AV4">
            <v>0</v>
          </cell>
          <cell r="AW4">
            <v>0</v>
          </cell>
        </row>
        <row r="5">
          <cell r="D5">
            <v>0</v>
          </cell>
          <cell r="E5">
            <v>0</v>
          </cell>
          <cell r="F5">
            <v>0</v>
          </cell>
          <cell r="G5">
            <v>0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0</v>
          </cell>
          <cell r="M5">
            <v>0</v>
          </cell>
          <cell r="N5">
            <v>0</v>
          </cell>
          <cell r="O5">
            <v>0</v>
          </cell>
          <cell r="P5">
            <v>0</v>
          </cell>
          <cell r="Q5">
            <v>0</v>
          </cell>
          <cell r="R5">
            <v>0</v>
          </cell>
          <cell r="S5">
            <v>0</v>
          </cell>
          <cell r="T5">
            <v>0</v>
          </cell>
          <cell r="U5">
            <v>0</v>
          </cell>
          <cell r="V5">
            <v>0</v>
          </cell>
          <cell r="W5">
            <v>0</v>
          </cell>
          <cell r="X5">
            <v>0</v>
          </cell>
          <cell r="Y5">
            <v>0</v>
          </cell>
          <cell r="Z5">
            <v>0</v>
          </cell>
          <cell r="AA5">
            <v>0</v>
          </cell>
          <cell r="AB5">
            <v>0</v>
          </cell>
          <cell r="AC5">
            <v>0</v>
          </cell>
          <cell r="AD5">
            <v>0</v>
          </cell>
          <cell r="AE5">
            <v>0</v>
          </cell>
          <cell r="AF5">
            <v>0</v>
          </cell>
          <cell r="AG5">
            <v>0</v>
          </cell>
          <cell r="AH5">
            <v>0</v>
          </cell>
          <cell r="AI5">
            <v>0</v>
          </cell>
          <cell r="AJ5">
            <v>0</v>
          </cell>
          <cell r="AK5">
            <v>0</v>
          </cell>
          <cell r="AL5">
            <v>0</v>
          </cell>
          <cell r="AM5">
            <v>0</v>
          </cell>
          <cell r="AN5">
            <v>0</v>
          </cell>
          <cell r="AO5">
            <v>0</v>
          </cell>
          <cell r="AP5">
            <v>0</v>
          </cell>
          <cell r="AQ5">
            <v>0</v>
          </cell>
          <cell r="AR5">
            <v>0</v>
          </cell>
          <cell r="AS5">
            <v>0</v>
          </cell>
          <cell r="AT5">
            <v>0</v>
          </cell>
          <cell r="AU5">
            <v>0</v>
          </cell>
          <cell r="AV5">
            <v>0</v>
          </cell>
          <cell r="AW5">
            <v>0</v>
          </cell>
        </row>
        <row r="6">
          <cell r="D6">
            <v>0</v>
          </cell>
          <cell r="E6">
            <v>0</v>
          </cell>
          <cell r="F6">
            <v>0</v>
          </cell>
          <cell r="G6">
            <v>0</v>
          </cell>
          <cell r="H6">
            <v>0</v>
          </cell>
          <cell r="I6">
            <v>0</v>
          </cell>
          <cell r="J6">
            <v>0</v>
          </cell>
          <cell r="K6">
            <v>0</v>
          </cell>
          <cell r="L6">
            <v>0</v>
          </cell>
          <cell r="M6">
            <v>0</v>
          </cell>
          <cell r="N6">
            <v>0</v>
          </cell>
          <cell r="O6">
            <v>0</v>
          </cell>
          <cell r="P6">
            <v>0</v>
          </cell>
          <cell r="Q6">
            <v>0</v>
          </cell>
          <cell r="R6">
            <v>0</v>
          </cell>
          <cell r="S6">
            <v>0</v>
          </cell>
          <cell r="T6">
            <v>0</v>
          </cell>
          <cell r="U6">
            <v>0</v>
          </cell>
          <cell r="V6">
            <v>0</v>
          </cell>
          <cell r="W6">
            <v>0</v>
          </cell>
          <cell r="X6">
            <v>0</v>
          </cell>
          <cell r="Y6">
            <v>0</v>
          </cell>
          <cell r="Z6">
            <v>0</v>
          </cell>
          <cell r="AA6">
            <v>0</v>
          </cell>
          <cell r="AB6">
            <v>0</v>
          </cell>
          <cell r="AC6">
            <v>0</v>
          </cell>
          <cell r="AD6">
            <v>0</v>
          </cell>
          <cell r="AE6">
            <v>0</v>
          </cell>
          <cell r="AF6">
            <v>0</v>
          </cell>
          <cell r="AG6">
            <v>0</v>
          </cell>
          <cell r="AH6">
            <v>0</v>
          </cell>
          <cell r="AI6">
            <v>0</v>
          </cell>
          <cell r="AJ6">
            <v>0</v>
          </cell>
          <cell r="AK6">
            <v>0</v>
          </cell>
          <cell r="AL6">
            <v>0</v>
          </cell>
          <cell r="AM6">
            <v>0</v>
          </cell>
          <cell r="AN6">
            <v>0</v>
          </cell>
          <cell r="AO6">
            <v>0</v>
          </cell>
          <cell r="AP6">
            <v>0</v>
          </cell>
          <cell r="AQ6">
            <v>0</v>
          </cell>
          <cell r="AR6">
            <v>0</v>
          </cell>
          <cell r="AS6">
            <v>0</v>
          </cell>
          <cell r="AT6">
            <v>0</v>
          </cell>
          <cell r="AU6">
            <v>0</v>
          </cell>
          <cell r="AV6">
            <v>0</v>
          </cell>
          <cell r="AW6">
            <v>0</v>
          </cell>
        </row>
        <row r="7">
          <cell r="D7">
            <v>0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>
            <v>0</v>
          </cell>
          <cell r="M7">
            <v>0</v>
          </cell>
          <cell r="N7">
            <v>0</v>
          </cell>
          <cell r="O7">
            <v>0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0</v>
          </cell>
          <cell r="V7">
            <v>0</v>
          </cell>
          <cell r="W7">
            <v>0</v>
          </cell>
          <cell r="X7">
            <v>0</v>
          </cell>
          <cell r="Y7">
            <v>0</v>
          </cell>
          <cell r="Z7">
            <v>0</v>
          </cell>
          <cell r="AA7">
            <v>0</v>
          </cell>
          <cell r="AB7">
            <v>0</v>
          </cell>
          <cell r="AC7">
            <v>0</v>
          </cell>
          <cell r="AD7">
            <v>0</v>
          </cell>
          <cell r="AE7">
            <v>0</v>
          </cell>
          <cell r="AF7">
            <v>0</v>
          </cell>
          <cell r="AG7">
            <v>0</v>
          </cell>
          <cell r="AH7">
            <v>0</v>
          </cell>
          <cell r="AI7">
            <v>0</v>
          </cell>
          <cell r="AJ7">
            <v>0</v>
          </cell>
          <cell r="AK7">
            <v>0</v>
          </cell>
          <cell r="AL7">
            <v>0</v>
          </cell>
          <cell r="AM7">
            <v>0</v>
          </cell>
          <cell r="AN7">
            <v>0</v>
          </cell>
          <cell r="AO7">
            <v>0</v>
          </cell>
          <cell r="AP7">
            <v>0</v>
          </cell>
          <cell r="AQ7">
            <v>0</v>
          </cell>
          <cell r="AR7">
            <v>0</v>
          </cell>
          <cell r="AS7">
            <v>0</v>
          </cell>
          <cell r="AT7">
            <v>0</v>
          </cell>
          <cell r="AU7">
            <v>0</v>
          </cell>
          <cell r="AV7">
            <v>0</v>
          </cell>
          <cell r="AW7">
            <v>0</v>
          </cell>
        </row>
        <row r="8">
          <cell r="D8">
            <v>0</v>
          </cell>
          <cell r="E8">
            <v>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>
            <v>0</v>
          </cell>
          <cell r="M8">
            <v>0</v>
          </cell>
          <cell r="N8">
            <v>0</v>
          </cell>
          <cell r="O8">
            <v>0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0</v>
          </cell>
          <cell r="V8">
            <v>0</v>
          </cell>
          <cell r="W8">
            <v>0</v>
          </cell>
          <cell r="X8">
            <v>0</v>
          </cell>
          <cell r="Y8">
            <v>0</v>
          </cell>
          <cell r="Z8">
            <v>0</v>
          </cell>
          <cell r="AA8">
            <v>0</v>
          </cell>
          <cell r="AB8">
            <v>0</v>
          </cell>
          <cell r="AC8">
            <v>0</v>
          </cell>
          <cell r="AD8">
            <v>0</v>
          </cell>
          <cell r="AE8">
            <v>0</v>
          </cell>
          <cell r="AF8">
            <v>0</v>
          </cell>
          <cell r="AG8">
            <v>0</v>
          </cell>
          <cell r="AH8">
            <v>0</v>
          </cell>
          <cell r="AI8">
            <v>0</v>
          </cell>
          <cell r="AJ8">
            <v>0</v>
          </cell>
          <cell r="AK8">
            <v>0</v>
          </cell>
          <cell r="AL8">
            <v>0</v>
          </cell>
          <cell r="AM8">
            <v>0</v>
          </cell>
          <cell r="AN8">
            <v>0</v>
          </cell>
          <cell r="AO8">
            <v>0</v>
          </cell>
          <cell r="AP8">
            <v>0</v>
          </cell>
          <cell r="AQ8">
            <v>0</v>
          </cell>
          <cell r="AR8">
            <v>0</v>
          </cell>
          <cell r="AS8">
            <v>0</v>
          </cell>
          <cell r="AT8">
            <v>0</v>
          </cell>
          <cell r="AU8">
            <v>0</v>
          </cell>
          <cell r="AV8">
            <v>0</v>
          </cell>
          <cell r="AW8">
            <v>0</v>
          </cell>
        </row>
        <row r="9">
          <cell r="D9">
            <v>0</v>
          </cell>
          <cell r="E9">
            <v>0</v>
          </cell>
          <cell r="F9">
            <v>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  <cell r="M9">
            <v>0</v>
          </cell>
          <cell r="N9">
            <v>0</v>
          </cell>
          <cell r="O9">
            <v>0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0</v>
          </cell>
          <cell r="V9">
            <v>0</v>
          </cell>
          <cell r="W9">
            <v>0</v>
          </cell>
          <cell r="X9">
            <v>0</v>
          </cell>
          <cell r="Y9">
            <v>0</v>
          </cell>
          <cell r="Z9">
            <v>0</v>
          </cell>
          <cell r="AA9">
            <v>0</v>
          </cell>
          <cell r="AB9">
            <v>0</v>
          </cell>
          <cell r="AC9">
            <v>0</v>
          </cell>
          <cell r="AD9">
            <v>0</v>
          </cell>
          <cell r="AE9">
            <v>0</v>
          </cell>
          <cell r="AF9">
            <v>0</v>
          </cell>
          <cell r="AG9">
            <v>0</v>
          </cell>
          <cell r="AH9">
            <v>0</v>
          </cell>
          <cell r="AI9">
            <v>0</v>
          </cell>
          <cell r="AJ9">
            <v>0</v>
          </cell>
          <cell r="AK9">
            <v>0</v>
          </cell>
          <cell r="AL9">
            <v>0</v>
          </cell>
          <cell r="AM9">
            <v>0</v>
          </cell>
          <cell r="AN9">
            <v>0</v>
          </cell>
          <cell r="AO9">
            <v>0</v>
          </cell>
          <cell r="AP9">
            <v>0</v>
          </cell>
          <cell r="AQ9">
            <v>0</v>
          </cell>
          <cell r="AR9">
            <v>0</v>
          </cell>
          <cell r="AS9">
            <v>0</v>
          </cell>
          <cell r="AT9">
            <v>0</v>
          </cell>
          <cell r="AU9">
            <v>0</v>
          </cell>
          <cell r="AV9">
            <v>0</v>
          </cell>
          <cell r="AW9">
            <v>0</v>
          </cell>
        </row>
        <row r="10">
          <cell r="D10">
            <v>0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0</v>
          </cell>
          <cell r="AH10">
            <v>0</v>
          </cell>
          <cell r="AI10">
            <v>0</v>
          </cell>
          <cell r="AJ10">
            <v>0</v>
          </cell>
          <cell r="AK10">
            <v>0</v>
          </cell>
          <cell r="AL10">
            <v>0</v>
          </cell>
          <cell r="AM10">
            <v>0</v>
          </cell>
          <cell r="AN10">
            <v>0</v>
          </cell>
          <cell r="AO10">
            <v>0</v>
          </cell>
          <cell r="AP10">
            <v>0</v>
          </cell>
          <cell r="AQ10">
            <v>0</v>
          </cell>
          <cell r="AR10">
            <v>0</v>
          </cell>
          <cell r="AS10">
            <v>0</v>
          </cell>
          <cell r="AT10">
            <v>0</v>
          </cell>
          <cell r="AU10">
            <v>0</v>
          </cell>
          <cell r="AV10">
            <v>0</v>
          </cell>
          <cell r="AW10">
            <v>0</v>
          </cell>
        </row>
        <row r="11"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0</v>
          </cell>
          <cell r="AJ11">
            <v>0</v>
          </cell>
          <cell r="AK11">
            <v>0</v>
          </cell>
          <cell r="AL11">
            <v>0</v>
          </cell>
          <cell r="AM11">
            <v>0</v>
          </cell>
          <cell r="AN11">
            <v>0</v>
          </cell>
          <cell r="AO11">
            <v>0</v>
          </cell>
          <cell r="AP11">
            <v>0</v>
          </cell>
          <cell r="AQ11">
            <v>0</v>
          </cell>
          <cell r="AR11">
            <v>0</v>
          </cell>
          <cell r="AS11">
            <v>0</v>
          </cell>
          <cell r="AT11">
            <v>0</v>
          </cell>
          <cell r="AU11">
            <v>0</v>
          </cell>
          <cell r="AV11">
            <v>0</v>
          </cell>
          <cell r="AW11">
            <v>0</v>
          </cell>
        </row>
        <row r="12"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0</v>
          </cell>
          <cell r="AJ12">
            <v>0</v>
          </cell>
          <cell r="AK12">
            <v>0</v>
          </cell>
          <cell r="AL12">
            <v>0</v>
          </cell>
          <cell r="AM12">
            <v>0</v>
          </cell>
          <cell r="AN12">
            <v>0</v>
          </cell>
          <cell r="AO12">
            <v>0</v>
          </cell>
          <cell r="AP12">
            <v>0</v>
          </cell>
          <cell r="AQ12">
            <v>0</v>
          </cell>
          <cell r="AR12">
            <v>0</v>
          </cell>
          <cell r="AS12">
            <v>0</v>
          </cell>
          <cell r="AT12">
            <v>0</v>
          </cell>
          <cell r="AU12">
            <v>0</v>
          </cell>
          <cell r="AV12">
            <v>0</v>
          </cell>
          <cell r="AW12">
            <v>0</v>
          </cell>
        </row>
        <row r="13"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0</v>
          </cell>
          <cell r="AJ13">
            <v>0</v>
          </cell>
          <cell r="AK13">
            <v>0</v>
          </cell>
          <cell r="AL13">
            <v>0</v>
          </cell>
          <cell r="AM13">
            <v>0</v>
          </cell>
          <cell r="AN13">
            <v>0</v>
          </cell>
          <cell r="AO13">
            <v>0</v>
          </cell>
          <cell r="AP13">
            <v>0</v>
          </cell>
          <cell r="AQ13">
            <v>0</v>
          </cell>
          <cell r="AR13">
            <v>0</v>
          </cell>
          <cell r="AS13">
            <v>0</v>
          </cell>
          <cell r="AT13">
            <v>0</v>
          </cell>
          <cell r="AU13">
            <v>0</v>
          </cell>
          <cell r="AV13">
            <v>0</v>
          </cell>
          <cell r="AW13">
            <v>0</v>
          </cell>
        </row>
        <row r="14">
          <cell r="D14">
            <v>0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0</v>
          </cell>
          <cell r="AG14">
            <v>0</v>
          </cell>
          <cell r="AH14">
            <v>0</v>
          </cell>
          <cell r="AI14">
            <v>0</v>
          </cell>
          <cell r="AJ14">
            <v>0</v>
          </cell>
          <cell r="AK14">
            <v>0</v>
          </cell>
          <cell r="AL14">
            <v>0</v>
          </cell>
          <cell r="AM14">
            <v>0</v>
          </cell>
          <cell r="AN14">
            <v>0</v>
          </cell>
          <cell r="AO14">
            <v>0</v>
          </cell>
          <cell r="AP14">
            <v>0</v>
          </cell>
          <cell r="AQ14">
            <v>0</v>
          </cell>
          <cell r="AR14">
            <v>0</v>
          </cell>
          <cell r="AS14">
            <v>0</v>
          </cell>
          <cell r="AT14">
            <v>0</v>
          </cell>
          <cell r="AU14">
            <v>0</v>
          </cell>
          <cell r="AV14">
            <v>0</v>
          </cell>
          <cell r="AW14">
            <v>0</v>
          </cell>
        </row>
        <row r="15"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0</v>
          </cell>
          <cell r="V15">
            <v>0</v>
          </cell>
          <cell r="W15">
            <v>0</v>
          </cell>
          <cell r="X15">
            <v>0</v>
          </cell>
          <cell r="Y15">
            <v>0</v>
          </cell>
          <cell r="Z15">
            <v>0</v>
          </cell>
          <cell r="AA15">
            <v>0</v>
          </cell>
          <cell r="AB15">
            <v>0</v>
          </cell>
          <cell r="AC15">
            <v>0</v>
          </cell>
          <cell r="AD15">
            <v>0</v>
          </cell>
          <cell r="AE15">
            <v>0</v>
          </cell>
          <cell r="AF15">
            <v>0</v>
          </cell>
          <cell r="AG15">
            <v>0</v>
          </cell>
          <cell r="AH15">
            <v>0</v>
          </cell>
          <cell r="AI15">
            <v>0</v>
          </cell>
          <cell r="AJ15">
            <v>0</v>
          </cell>
          <cell r="AK15">
            <v>0</v>
          </cell>
          <cell r="AL15">
            <v>0</v>
          </cell>
          <cell r="AM15">
            <v>0</v>
          </cell>
          <cell r="AN15">
            <v>0</v>
          </cell>
          <cell r="AO15">
            <v>0</v>
          </cell>
          <cell r="AP15">
            <v>0</v>
          </cell>
          <cell r="AQ15">
            <v>0</v>
          </cell>
          <cell r="AR15">
            <v>0</v>
          </cell>
          <cell r="AS15">
            <v>0</v>
          </cell>
          <cell r="AT15">
            <v>0</v>
          </cell>
          <cell r="AU15">
            <v>0</v>
          </cell>
          <cell r="AV15">
            <v>0</v>
          </cell>
          <cell r="AW15">
            <v>0</v>
          </cell>
        </row>
        <row r="16">
          <cell r="D16">
            <v>0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  <cell r="AJ16">
            <v>0</v>
          </cell>
          <cell r="AK16">
            <v>0</v>
          </cell>
          <cell r="AL16">
            <v>0</v>
          </cell>
          <cell r="AM16">
            <v>0</v>
          </cell>
          <cell r="AN16">
            <v>0</v>
          </cell>
          <cell r="AO16">
            <v>0</v>
          </cell>
          <cell r="AP16">
            <v>0</v>
          </cell>
          <cell r="AQ16">
            <v>0</v>
          </cell>
          <cell r="AR16">
            <v>0</v>
          </cell>
          <cell r="AS16">
            <v>0</v>
          </cell>
          <cell r="AT16">
            <v>0</v>
          </cell>
          <cell r="AU16">
            <v>0</v>
          </cell>
          <cell r="AV16">
            <v>0</v>
          </cell>
          <cell r="AW16">
            <v>0</v>
          </cell>
        </row>
        <row r="17">
          <cell r="D17">
            <v>0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  <cell r="AJ17">
            <v>0</v>
          </cell>
          <cell r="AK17">
            <v>0</v>
          </cell>
          <cell r="AL17">
            <v>0</v>
          </cell>
          <cell r="AM17">
            <v>0</v>
          </cell>
          <cell r="AN17">
            <v>0</v>
          </cell>
          <cell r="AO17">
            <v>0</v>
          </cell>
          <cell r="AP17">
            <v>0</v>
          </cell>
          <cell r="AQ17">
            <v>0</v>
          </cell>
          <cell r="AR17">
            <v>0</v>
          </cell>
          <cell r="AS17">
            <v>0</v>
          </cell>
          <cell r="AT17">
            <v>0</v>
          </cell>
          <cell r="AU17">
            <v>0</v>
          </cell>
          <cell r="AV17">
            <v>0</v>
          </cell>
          <cell r="AW17">
            <v>0</v>
          </cell>
        </row>
        <row r="18"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  <cell r="AJ18">
            <v>0</v>
          </cell>
          <cell r="AK18">
            <v>0</v>
          </cell>
          <cell r="AL18">
            <v>0</v>
          </cell>
          <cell r="AM18">
            <v>0</v>
          </cell>
          <cell r="AN18">
            <v>0</v>
          </cell>
          <cell r="AO18">
            <v>0</v>
          </cell>
          <cell r="AP18">
            <v>0</v>
          </cell>
          <cell r="AQ18">
            <v>0</v>
          </cell>
          <cell r="AR18">
            <v>0</v>
          </cell>
          <cell r="AS18">
            <v>0</v>
          </cell>
          <cell r="AT18">
            <v>0</v>
          </cell>
          <cell r="AU18">
            <v>0</v>
          </cell>
          <cell r="AV18">
            <v>0</v>
          </cell>
          <cell r="AW18">
            <v>0</v>
          </cell>
        </row>
        <row r="19"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  <cell r="AJ19">
            <v>0</v>
          </cell>
          <cell r="AK19">
            <v>0</v>
          </cell>
          <cell r="AL19">
            <v>0</v>
          </cell>
          <cell r="AM19">
            <v>0</v>
          </cell>
          <cell r="AN19">
            <v>0</v>
          </cell>
          <cell r="AO19">
            <v>0</v>
          </cell>
          <cell r="AP19">
            <v>0</v>
          </cell>
          <cell r="AQ19">
            <v>0</v>
          </cell>
          <cell r="AR19">
            <v>0</v>
          </cell>
          <cell r="AS19">
            <v>0</v>
          </cell>
          <cell r="AT19">
            <v>0</v>
          </cell>
          <cell r="AU19">
            <v>0</v>
          </cell>
          <cell r="AV19">
            <v>0</v>
          </cell>
          <cell r="AW19">
            <v>0</v>
          </cell>
        </row>
        <row r="20"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  <cell r="AJ20">
            <v>0</v>
          </cell>
          <cell r="AK20">
            <v>0</v>
          </cell>
          <cell r="AL20">
            <v>0</v>
          </cell>
          <cell r="AM20">
            <v>0</v>
          </cell>
          <cell r="AN20">
            <v>0</v>
          </cell>
          <cell r="AO20">
            <v>0</v>
          </cell>
          <cell r="AP20">
            <v>0</v>
          </cell>
          <cell r="AQ20">
            <v>0</v>
          </cell>
          <cell r="AR20">
            <v>0</v>
          </cell>
          <cell r="AS20">
            <v>0</v>
          </cell>
          <cell r="AT20">
            <v>0</v>
          </cell>
          <cell r="AU20">
            <v>0</v>
          </cell>
          <cell r="AV20">
            <v>0</v>
          </cell>
          <cell r="AW20">
            <v>0</v>
          </cell>
        </row>
        <row r="21"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0</v>
          </cell>
          <cell r="V21">
            <v>0</v>
          </cell>
          <cell r="W21">
            <v>0</v>
          </cell>
          <cell r="X21">
            <v>0</v>
          </cell>
          <cell r="Y21">
            <v>0</v>
          </cell>
          <cell r="Z21">
            <v>0</v>
          </cell>
          <cell r="AA21">
            <v>0</v>
          </cell>
          <cell r="AB21">
            <v>0</v>
          </cell>
          <cell r="AC21">
            <v>0</v>
          </cell>
          <cell r="AD21">
            <v>0</v>
          </cell>
          <cell r="AE21">
            <v>0</v>
          </cell>
          <cell r="AF21">
            <v>0</v>
          </cell>
          <cell r="AG21">
            <v>0</v>
          </cell>
          <cell r="AH21">
            <v>0</v>
          </cell>
          <cell r="AI21">
            <v>0</v>
          </cell>
          <cell r="AJ21">
            <v>0</v>
          </cell>
          <cell r="AK21">
            <v>0</v>
          </cell>
          <cell r="AL21">
            <v>0</v>
          </cell>
          <cell r="AM21">
            <v>0</v>
          </cell>
          <cell r="AN21">
            <v>0</v>
          </cell>
          <cell r="AO21">
            <v>0</v>
          </cell>
          <cell r="AP21">
            <v>0</v>
          </cell>
          <cell r="AQ21">
            <v>0</v>
          </cell>
          <cell r="AR21">
            <v>0</v>
          </cell>
          <cell r="AS21">
            <v>0</v>
          </cell>
          <cell r="AT21">
            <v>0</v>
          </cell>
          <cell r="AU21">
            <v>0</v>
          </cell>
          <cell r="AV21">
            <v>0</v>
          </cell>
          <cell r="AW21">
            <v>0</v>
          </cell>
        </row>
        <row r="23">
          <cell r="D23">
            <v>0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0</v>
          </cell>
          <cell r="AJ23">
            <v>0</v>
          </cell>
          <cell r="AK23">
            <v>0</v>
          </cell>
          <cell r="AL23">
            <v>0</v>
          </cell>
          <cell r="AM23">
            <v>0</v>
          </cell>
          <cell r="AN23">
            <v>0</v>
          </cell>
          <cell r="AO23">
            <v>0</v>
          </cell>
          <cell r="AP23">
            <v>0</v>
          </cell>
          <cell r="AQ23">
            <v>0</v>
          </cell>
          <cell r="AR23">
            <v>0</v>
          </cell>
          <cell r="AS23">
            <v>0</v>
          </cell>
          <cell r="AT23">
            <v>0</v>
          </cell>
          <cell r="AU23">
            <v>0</v>
          </cell>
          <cell r="AV23">
            <v>0</v>
          </cell>
          <cell r="AW23">
            <v>0</v>
          </cell>
        </row>
        <row r="25">
          <cell r="D25">
            <v>0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0</v>
          </cell>
          <cell r="AI25">
            <v>0</v>
          </cell>
          <cell r="AJ25">
            <v>0</v>
          </cell>
          <cell r="AK25">
            <v>0</v>
          </cell>
          <cell r="AL25">
            <v>0</v>
          </cell>
          <cell r="AM25">
            <v>0</v>
          </cell>
          <cell r="AN25">
            <v>0</v>
          </cell>
          <cell r="AO25">
            <v>0</v>
          </cell>
          <cell r="AP25">
            <v>0</v>
          </cell>
          <cell r="AQ25">
            <v>0</v>
          </cell>
          <cell r="AR25">
            <v>0</v>
          </cell>
          <cell r="AS25">
            <v>0</v>
          </cell>
          <cell r="AT25">
            <v>0</v>
          </cell>
          <cell r="AU25">
            <v>0</v>
          </cell>
          <cell r="AV25">
            <v>0</v>
          </cell>
          <cell r="AW25">
            <v>0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79E60DC-529A-47B1-B529-D654D630E9B3}">
  <dimension ref="A1:AB36"/>
  <sheetViews>
    <sheetView showGridLines="0" tabSelected="1" view="pageBreakPreview" zoomScaleNormal="85" zoomScaleSheetLayoutView="100" workbookViewId="0">
      <pane xSplit="2" ySplit="5" topLeftCell="C6" activePane="bottomRight" state="frozen"/>
      <selection activeCell="N38" sqref="N38"/>
      <selection pane="topRight" activeCell="N38" sqref="N38"/>
      <selection pane="bottomLeft" activeCell="N38" sqref="N38"/>
      <selection pane="bottomRight" activeCell="G23" sqref="G23"/>
    </sheetView>
  </sheetViews>
  <sheetFormatPr defaultColWidth="9" defaultRowHeight="15" customHeight="1"/>
  <cols>
    <col min="1" max="1" width="4.36328125" style="1" bestFit="1" customWidth="1"/>
    <col min="2" max="2" width="12.6328125" style="1" customWidth="1"/>
    <col min="3" max="17" width="8.6328125" style="1" customWidth="1"/>
    <col min="18" max="18" width="4.26953125" style="1" hidden="1" customWidth="1"/>
    <col min="19" max="19" width="12.6328125" style="1" hidden="1" customWidth="1"/>
    <col min="20" max="25" width="9.6328125" style="1" hidden="1" customWidth="1"/>
    <col min="26" max="27" width="10.6328125" style="1" hidden="1" customWidth="1"/>
    <col min="28" max="28" width="4.453125" style="1" hidden="1" customWidth="1"/>
    <col min="29" max="256" width="9" style="1"/>
    <col min="257" max="257" width="4.36328125" style="1" bestFit="1" customWidth="1"/>
    <col min="258" max="258" width="12.6328125" style="1" customWidth="1"/>
    <col min="259" max="273" width="8.6328125" style="1" customWidth="1"/>
    <col min="274" max="274" width="4.26953125" style="1" customWidth="1"/>
    <col min="275" max="275" width="12.6328125" style="1" customWidth="1"/>
    <col min="276" max="281" width="9.6328125" style="1" customWidth="1"/>
    <col min="282" max="283" width="10.6328125" style="1" customWidth="1"/>
    <col min="284" max="284" width="4.453125" style="1" bestFit="1" customWidth="1"/>
    <col min="285" max="512" width="9" style="1"/>
    <col min="513" max="513" width="4.36328125" style="1" bestFit="1" customWidth="1"/>
    <col min="514" max="514" width="12.6328125" style="1" customWidth="1"/>
    <col min="515" max="529" width="8.6328125" style="1" customWidth="1"/>
    <col min="530" max="530" width="4.26953125" style="1" customWidth="1"/>
    <col min="531" max="531" width="12.6328125" style="1" customWidth="1"/>
    <col min="532" max="537" width="9.6328125" style="1" customWidth="1"/>
    <col min="538" max="539" width="10.6328125" style="1" customWidth="1"/>
    <col min="540" max="540" width="4.453125" style="1" bestFit="1" customWidth="1"/>
    <col min="541" max="768" width="9" style="1"/>
    <col min="769" max="769" width="4.36328125" style="1" bestFit="1" customWidth="1"/>
    <col min="770" max="770" width="12.6328125" style="1" customWidth="1"/>
    <col min="771" max="785" width="8.6328125" style="1" customWidth="1"/>
    <col min="786" max="786" width="4.26953125" style="1" customWidth="1"/>
    <col min="787" max="787" width="12.6328125" style="1" customWidth="1"/>
    <col min="788" max="793" width="9.6328125" style="1" customWidth="1"/>
    <col min="794" max="795" width="10.6328125" style="1" customWidth="1"/>
    <col min="796" max="796" width="4.453125" style="1" bestFit="1" customWidth="1"/>
    <col min="797" max="1024" width="9" style="1"/>
    <col min="1025" max="1025" width="4.36328125" style="1" bestFit="1" customWidth="1"/>
    <col min="1026" max="1026" width="12.6328125" style="1" customWidth="1"/>
    <col min="1027" max="1041" width="8.6328125" style="1" customWidth="1"/>
    <col min="1042" max="1042" width="4.26953125" style="1" customWidth="1"/>
    <col min="1043" max="1043" width="12.6328125" style="1" customWidth="1"/>
    <col min="1044" max="1049" width="9.6328125" style="1" customWidth="1"/>
    <col min="1050" max="1051" width="10.6328125" style="1" customWidth="1"/>
    <col min="1052" max="1052" width="4.453125" style="1" bestFit="1" customWidth="1"/>
    <col min="1053" max="1280" width="9" style="1"/>
    <col min="1281" max="1281" width="4.36328125" style="1" bestFit="1" customWidth="1"/>
    <col min="1282" max="1282" width="12.6328125" style="1" customWidth="1"/>
    <col min="1283" max="1297" width="8.6328125" style="1" customWidth="1"/>
    <col min="1298" max="1298" width="4.26953125" style="1" customWidth="1"/>
    <col min="1299" max="1299" width="12.6328125" style="1" customWidth="1"/>
    <col min="1300" max="1305" width="9.6328125" style="1" customWidth="1"/>
    <col min="1306" max="1307" width="10.6328125" style="1" customWidth="1"/>
    <col min="1308" max="1308" width="4.453125" style="1" bestFit="1" customWidth="1"/>
    <col min="1309" max="1536" width="9" style="1"/>
    <col min="1537" max="1537" width="4.36328125" style="1" bestFit="1" customWidth="1"/>
    <col min="1538" max="1538" width="12.6328125" style="1" customWidth="1"/>
    <col min="1539" max="1553" width="8.6328125" style="1" customWidth="1"/>
    <col min="1554" max="1554" width="4.26953125" style="1" customWidth="1"/>
    <col min="1555" max="1555" width="12.6328125" style="1" customWidth="1"/>
    <col min="1556" max="1561" width="9.6328125" style="1" customWidth="1"/>
    <col min="1562" max="1563" width="10.6328125" style="1" customWidth="1"/>
    <col min="1564" max="1564" width="4.453125" style="1" bestFit="1" customWidth="1"/>
    <col min="1565" max="1792" width="9" style="1"/>
    <col min="1793" max="1793" width="4.36328125" style="1" bestFit="1" customWidth="1"/>
    <col min="1794" max="1794" width="12.6328125" style="1" customWidth="1"/>
    <col min="1795" max="1809" width="8.6328125" style="1" customWidth="1"/>
    <col min="1810" max="1810" width="4.26953125" style="1" customWidth="1"/>
    <col min="1811" max="1811" width="12.6328125" style="1" customWidth="1"/>
    <col min="1812" max="1817" width="9.6328125" style="1" customWidth="1"/>
    <col min="1818" max="1819" width="10.6328125" style="1" customWidth="1"/>
    <col min="1820" max="1820" width="4.453125" style="1" bestFit="1" customWidth="1"/>
    <col min="1821" max="2048" width="9" style="1"/>
    <col min="2049" max="2049" width="4.36328125" style="1" bestFit="1" customWidth="1"/>
    <col min="2050" max="2050" width="12.6328125" style="1" customWidth="1"/>
    <col min="2051" max="2065" width="8.6328125" style="1" customWidth="1"/>
    <col min="2066" max="2066" width="4.26953125" style="1" customWidth="1"/>
    <col min="2067" max="2067" width="12.6328125" style="1" customWidth="1"/>
    <col min="2068" max="2073" width="9.6328125" style="1" customWidth="1"/>
    <col min="2074" max="2075" width="10.6328125" style="1" customWidth="1"/>
    <col min="2076" max="2076" width="4.453125" style="1" bestFit="1" customWidth="1"/>
    <col min="2077" max="2304" width="9" style="1"/>
    <col min="2305" max="2305" width="4.36328125" style="1" bestFit="1" customWidth="1"/>
    <col min="2306" max="2306" width="12.6328125" style="1" customWidth="1"/>
    <col min="2307" max="2321" width="8.6328125" style="1" customWidth="1"/>
    <col min="2322" max="2322" width="4.26953125" style="1" customWidth="1"/>
    <col min="2323" max="2323" width="12.6328125" style="1" customWidth="1"/>
    <col min="2324" max="2329" width="9.6328125" style="1" customWidth="1"/>
    <col min="2330" max="2331" width="10.6328125" style="1" customWidth="1"/>
    <col min="2332" max="2332" width="4.453125" style="1" bestFit="1" customWidth="1"/>
    <col min="2333" max="2560" width="9" style="1"/>
    <col min="2561" max="2561" width="4.36328125" style="1" bestFit="1" customWidth="1"/>
    <col min="2562" max="2562" width="12.6328125" style="1" customWidth="1"/>
    <col min="2563" max="2577" width="8.6328125" style="1" customWidth="1"/>
    <col min="2578" max="2578" width="4.26953125" style="1" customWidth="1"/>
    <col min="2579" max="2579" width="12.6328125" style="1" customWidth="1"/>
    <col min="2580" max="2585" width="9.6328125" style="1" customWidth="1"/>
    <col min="2586" max="2587" width="10.6328125" style="1" customWidth="1"/>
    <col min="2588" max="2588" width="4.453125" style="1" bestFit="1" customWidth="1"/>
    <col min="2589" max="2816" width="9" style="1"/>
    <col min="2817" max="2817" width="4.36328125" style="1" bestFit="1" customWidth="1"/>
    <col min="2818" max="2818" width="12.6328125" style="1" customWidth="1"/>
    <col min="2819" max="2833" width="8.6328125" style="1" customWidth="1"/>
    <col min="2834" max="2834" width="4.26953125" style="1" customWidth="1"/>
    <col min="2835" max="2835" width="12.6328125" style="1" customWidth="1"/>
    <col min="2836" max="2841" width="9.6328125" style="1" customWidth="1"/>
    <col min="2842" max="2843" width="10.6328125" style="1" customWidth="1"/>
    <col min="2844" max="2844" width="4.453125" style="1" bestFit="1" customWidth="1"/>
    <col min="2845" max="3072" width="9" style="1"/>
    <col min="3073" max="3073" width="4.36328125" style="1" bestFit="1" customWidth="1"/>
    <col min="3074" max="3074" width="12.6328125" style="1" customWidth="1"/>
    <col min="3075" max="3089" width="8.6328125" style="1" customWidth="1"/>
    <col min="3090" max="3090" width="4.26953125" style="1" customWidth="1"/>
    <col min="3091" max="3091" width="12.6328125" style="1" customWidth="1"/>
    <col min="3092" max="3097" width="9.6328125" style="1" customWidth="1"/>
    <col min="3098" max="3099" width="10.6328125" style="1" customWidth="1"/>
    <col min="3100" max="3100" width="4.453125" style="1" bestFit="1" customWidth="1"/>
    <col min="3101" max="3328" width="9" style="1"/>
    <col min="3329" max="3329" width="4.36328125" style="1" bestFit="1" customWidth="1"/>
    <col min="3330" max="3330" width="12.6328125" style="1" customWidth="1"/>
    <col min="3331" max="3345" width="8.6328125" style="1" customWidth="1"/>
    <col min="3346" max="3346" width="4.26953125" style="1" customWidth="1"/>
    <col min="3347" max="3347" width="12.6328125" style="1" customWidth="1"/>
    <col min="3348" max="3353" width="9.6328125" style="1" customWidth="1"/>
    <col min="3354" max="3355" width="10.6328125" style="1" customWidth="1"/>
    <col min="3356" max="3356" width="4.453125" style="1" bestFit="1" customWidth="1"/>
    <col min="3357" max="3584" width="9" style="1"/>
    <col min="3585" max="3585" width="4.36328125" style="1" bestFit="1" customWidth="1"/>
    <col min="3586" max="3586" width="12.6328125" style="1" customWidth="1"/>
    <col min="3587" max="3601" width="8.6328125" style="1" customWidth="1"/>
    <col min="3602" max="3602" width="4.26953125" style="1" customWidth="1"/>
    <col min="3603" max="3603" width="12.6328125" style="1" customWidth="1"/>
    <col min="3604" max="3609" width="9.6328125" style="1" customWidth="1"/>
    <col min="3610" max="3611" width="10.6328125" style="1" customWidth="1"/>
    <col min="3612" max="3612" width="4.453125" style="1" bestFit="1" customWidth="1"/>
    <col min="3613" max="3840" width="9" style="1"/>
    <col min="3841" max="3841" width="4.36328125" style="1" bestFit="1" customWidth="1"/>
    <col min="3842" max="3842" width="12.6328125" style="1" customWidth="1"/>
    <col min="3843" max="3857" width="8.6328125" style="1" customWidth="1"/>
    <col min="3858" max="3858" width="4.26953125" style="1" customWidth="1"/>
    <col min="3859" max="3859" width="12.6328125" style="1" customWidth="1"/>
    <col min="3860" max="3865" width="9.6328125" style="1" customWidth="1"/>
    <col min="3866" max="3867" width="10.6328125" style="1" customWidth="1"/>
    <col min="3868" max="3868" width="4.453125" style="1" bestFit="1" customWidth="1"/>
    <col min="3869" max="4096" width="9" style="1"/>
    <col min="4097" max="4097" width="4.36328125" style="1" bestFit="1" customWidth="1"/>
    <col min="4098" max="4098" width="12.6328125" style="1" customWidth="1"/>
    <col min="4099" max="4113" width="8.6328125" style="1" customWidth="1"/>
    <col min="4114" max="4114" width="4.26953125" style="1" customWidth="1"/>
    <col min="4115" max="4115" width="12.6328125" style="1" customWidth="1"/>
    <col min="4116" max="4121" width="9.6328125" style="1" customWidth="1"/>
    <col min="4122" max="4123" width="10.6328125" style="1" customWidth="1"/>
    <col min="4124" max="4124" width="4.453125" style="1" bestFit="1" customWidth="1"/>
    <col min="4125" max="4352" width="9" style="1"/>
    <col min="4353" max="4353" width="4.36328125" style="1" bestFit="1" customWidth="1"/>
    <col min="4354" max="4354" width="12.6328125" style="1" customWidth="1"/>
    <col min="4355" max="4369" width="8.6328125" style="1" customWidth="1"/>
    <col min="4370" max="4370" width="4.26953125" style="1" customWidth="1"/>
    <col min="4371" max="4371" width="12.6328125" style="1" customWidth="1"/>
    <col min="4372" max="4377" width="9.6328125" style="1" customWidth="1"/>
    <col min="4378" max="4379" width="10.6328125" style="1" customWidth="1"/>
    <col min="4380" max="4380" width="4.453125" style="1" bestFit="1" customWidth="1"/>
    <col min="4381" max="4608" width="9" style="1"/>
    <col min="4609" max="4609" width="4.36328125" style="1" bestFit="1" customWidth="1"/>
    <col min="4610" max="4610" width="12.6328125" style="1" customWidth="1"/>
    <col min="4611" max="4625" width="8.6328125" style="1" customWidth="1"/>
    <col min="4626" max="4626" width="4.26953125" style="1" customWidth="1"/>
    <col min="4627" max="4627" width="12.6328125" style="1" customWidth="1"/>
    <col min="4628" max="4633" width="9.6328125" style="1" customWidth="1"/>
    <col min="4634" max="4635" width="10.6328125" style="1" customWidth="1"/>
    <col min="4636" max="4636" width="4.453125" style="1" bestFit="1" customWidth="1"/>
    <col min="4637" max="4864" width="9" style="1"/>
    <col min="4865" max="4865" width="4.36328125" style="1" bestFit="1" customWidth="1"/>
    <col min="4866" max="4866" width="12.6328125" style="1" customWidth="1"/>
    <col min="4867" max="4881" width="8.6328125" style="1" customWidth="1"/>
    <col min="4882" max="4882" width="4.26953125" style="1" customWidth="1"/>
    <col min="4883" max="4883" width="12.6328125" style="1" customWidth="1"/>
    <col min="4884" max="4889" width="9.6328125" style="1" customWidth="1"/>
    <col min="4890" max="4891" width="10.6328125" style="1" customWidth="1"/>
    <col min="4892" max="4892" width="4.453125" style="1" bestFit="1" customWidth="1"/>
    <col min="4893" max="5120" width="9" style="1"/>
    <col min="5121" max="5121" width="4.36328125" style="1" bestFit="1" customWidth="1"/>
    <col min="5122" max="5122" width="12.6328125" style="1" customWidth="1"/>
    <col min="5123" max="5137" width="8.6328125" style="1" customWidth="1"/>
    <col min="5138" max="5138" width="4.26953125" style="1" customWidth="1"/>
    <col min="5139" max="5139" width="12.6328125" style="1" customWidth="1"/>
    <col min="5140" max="5145" width="9.6328125" style="1" customWidth="1"/>
    <col min="5146" max="5147" width="10.6328125" style="1" customWidth="1"/>
    <col min="5148" max="5148" width="4.453125" style="1" bestFit="1" customWidth="1"/>
    <col min="5149" max="5376" width="9" style="1"/>
    <col min="5377" max="5377" width="4.36328125" style="1" bestFit="1" customWidth="1"/>
    <col min="5378" max="5378" width="12.6328125" style="1" customWidth="1"/>
    <col min="5379" max="5393" width="8.6328125" style="1" customWidth="1"/>
    <col min="5394" max="5394" width="4.26953125" style="1" customWidth="1"/>
    <col min="5395" max="5395" width="12.6328125" style="1" customWidth="1"/>
    <col min="5396" max="5401" width="9.6328125" style="1" customWidth="1"/>
    <col min="5402" max="5403" width="10.6328125" style="1" customWidth="1"/>
    <col min="5404" max="5404" width="4.453125" style="1" bestFit="1" customWidth="1"/>
    <col min="5405" max="5632" width="9" style="1"/>
    <col min="5633" max="5633" width="4.36328125" style="1" bestFit="1" customWidth="1"/>
    <col min="5634" max="5634" width="12.6328125" style="1" customWidth="1"/>
    <col min="5635" max="5649" width="8.6328125" style="1" customWidth="1"/>
    <col min="5650" max="5650" width="4.26953125" style="1" customWidth="1"/>
    <col min="5651" max="5651" width="12.6328125" style="1" customWidth="1"/>
    <col min="5652" max="5657" width="9.6328125" style="1" customWidth="1"/>
    <col min="5658" max="5659" width="10.6328125" style="1" customWidth="1"/>
    <col min="5660" max="5660" width="4.453125" style="1" bestFit="1" customWidth="1"/>
    <col min="5661" max="5888" width="9" style="1"/>
    <col min="5889" max="5889" width="4.36328125" style="1" bestFit="1" customWidth="1"/>
    <col min="5890" max="5890" width="12.6328125" style="1" customWidth="1"/>
    <col min="5891" max="5905" width="8.6328125" style="1" customWidth="1"/>
    <col min="5906" max="5906" width="4.26953125" style="1" customWidth="1"/>
    <col min="5907" max="5907" width="12.6328125" style="1" customWidth="1"/>
    <col min="5908" max="5913" width="9.6328125" style="1" customWidth="1"/>
    <col min="5914" max="5915" width="10.6328125" style="1" customWidth="1"/>
    <col min="5916" max="5916" width="4.453125" style="1" bestFit="1" customWidth="1"/>
    <col min="5917" max="6144" width="9" style="1"/>
    <col min="6145" max="6145" width="4.36328125" style="1" bestFit="1" customWidth="1"/>
    <col min="6146" max="6146" width="12.6328125" style="1" customWidth="1"/>
    <col min="6147" max="6161" width="8.6328125" style="1" customWidth="1"/>
    <col min="6162" max="6162" width="4.26953125" style="1" customWidth="1"/>
    <col min="6163" max="6163" width="12.6328125" style="1" customWidth="1"/>
    <col min="6164" max="6169" width="9.6328125" style="1" customWidth="1"/>
    <col min="6170" max="6171" width="10.6328125" style="1" customWidth="1"/>
    <col min="6172" max="6172" width="4.453125" style="1" bestFit="1" customWidth="1"/>
    <col min="6173" max="6400" width="9" style="1"/>
    <col min="6401" max="6401" width="4.36328125" style="1" bestFit="1" customWidth="1"/>
    <col min="6402" max="6402" width="12.6328125" style="1" customWidth="1"/>
    <col min="6403" max="6417" width="8.6328125" style="1" customWidth="1"/>
    <col min="6418" max="6418" width="4.26953125" style="1" customWidth="1"/>
    <col min="6419" max="6419" width="12.6328125" style="1" customWidth="1"/>
    <col min="6420" max="6425" width="9.6328125" style="1" customWidth="1"/>
    <col min="6426" max="6427" width="10.6328125" style="1" customWidth="1"/>
    <col min="6428" max="6428" width="4.453125" style="1" bestFit="1" customWidth="1"/>
    <col min="6429" max="6656" width="9" style="1"/>
    <col min="6657" max="6657" width="4.36328125" style="1" bestFit="1" customWidth="1"/>
    <col min="6658" max="6658" width="12.6328125" style="1" customWidth="1"/>
    <col min="6659" max="6673" width="8.6328125" style="1" customWidth="1"/>
    <col min="6674" max="6674" width="4.26953125" style="1" customWidth="1"/>
    <col min="6675" max="6675" width="12.6328125" style="1" customWidth="1"/>
    <col min="6676" max="6681" width="9.6328125" style="1" customWidth="1"/>
    <col min="6682" max="6683" width="10.6328125" style="1" customWidth="1"/>
    <col min="6684" max="6684" width="4.453125" style="1" bestFit="1" customWidth="1"/>
    <col min="6685" max="6912" width="9" style="1"/>
    <col min="6913" max="6913" width="4.36328125" style="1" bestFit="1" customWidth="1"/>
    <col min="6914" max="6914" width="12.6328125" style="1" customWidth="1"/>
    <col min="6915" max="6929" width="8.6328125" style="1" customWidth="1"/>
    <col min="6930" max="6930" width="4.26953125" style="1" customWidth="1"/>
    <col min="6931" max="6931" width="12.6328125" style="1" customWidth="1"/>
    <col min="6932" max="6937" width="9.6328125" style="1" customWidth="1"/>
    <col min="6938" max="6939" width="10.6328125" style="1" customWidth="1"/>
    <col min="6940" max="6940" width="4.453125" style="1" bestFit="1" customWidth="1"/>
    <col min="6941" max="7168" width="9" style="1"/>
    <col min="7169" max="7169" width="4.36328125" style="1" bestFit="1" customWidth="1"/>
    <col min="7170" max="7170" width="12.6328125" style="1" customWidth="1"/>
    <col min="7171" max="7185" width="8.6328125" style="1" customWidth="1"/>
    <col min="7186" max="7186" width="4.26953125" style="1" customWidth="1"/>
    <col min="7187" max="7187" width="12.6328125" style="1" customWidth="1"/>
    <col min="7188" max="7193" width="9.6328125" style="1" customWidth="1"/>
    <col min="7194" max="7195" width="10.6328125" style="1" customWidth="1"/>
    <col min="7196" max="7196" width="4.453125" style="1" bestFit="1" customWidth="1"/>
    <col min="7197" max="7424" width="9" style="1"/>
    <col min="7425" max="7425" width="4.36328125" style="1" bestFit="1" customWidth="1"/>
    <col min="7426" max="7426" width="12.6328125" style="1" customWidth="1"/>
    <col min="7427" max="7441" width="8.6328125" style="1" customWidth="1"/>
    <col min="7442" max="7442" width="4.26953125" style="1" customWidth="1"/>
    <col min="7443" max="7443" width="12.6328125" style="1" customWidth="1"/>
    <col min="7444" max="7449" width="9.6328125" style="1" customWidth="1"/>
    <col min="7450" max="7451" width="10.6328125" style="1" customWidth="1"/>
    <col min="7452" max="7452" width="4.453125" style="1" bestFit="1" customWidth="1"/>
    <col min="7453" max="7680" width="9" style="1"/>
    <col min="7681" max="7681" width="4.36328125" style="1" bestFit="1" customWidth="1"/>
    <col min="7682" max="7682" width="12.6328125" style="1" customWidth="1"/>
    <col min="7683" max="7697" width="8.6328125" style="1" customWidth="1"/>
    <col min="7698" max="7698" width="4.26953125" style="1" customWidth="1"/>
    <col min="7699" max="7699" width="12.6328125" style="1" customWidth="1"/>
    <col min="7700" max="7705" width="9.6328125" style="1" customWidth="1"/>
    <col min="7706" max="7707" width="10.6328125" style="1" customWidth="1"/>
    <col min="7708" max="7708" width="4.453125" style="1" bestFit="1" customWidth="1"/>
    <col min="7709" max="7936" width="9" style="1"/>
    <col min="7937" max="7937" width="4.36328125" style="1" bestFit="1" customWidth="1"/>
    <col min="7938" max="7938" width="12.6328125" style="1" customWidth="1"/>
    <col min="7939" max="7953" width="8.6328125" style="1" customWidth="1"/>
    <col min="7954" max="7954" width="4.26953125" style="1" customWidth="1"/>
    <col min="7955" max="7955" width="12.6328125" style="1" customWidth="1"/>
    <col min="7956" max="7961" width="9.6328125" style="1" customWidth="1"/>
    <col min="7962" max="7963" width="10.6328125" style="1" customWidth="1"/>
    <col min="7964" max="7964" width="4.453125" style="1" bestFit="1" customWidth="1"/>
    <col min="7965" max="8192" width="9" style="1"/>
    <col min="8193" max="8193" width="4.36328125" style="1" bestFit="1" customWidth="1"/>
    <col min="8194" max="8194" width="12.6328125" style="1" customWidth="1"/>
    <col min="8195" max="8209" width="8.6328125" style="1" customWidth="1"/>
    <col min="8210" max="8210" width="4.26953125" style="1" customWidth="1"/>
    <col min="8211" max="8211" width="12.6328125" style="1" customWidth="1"/>
    <col min="8212" max="8217" width="9.6328125" style="1" customWidth="1"/>
    <col min="8218" max="8219" width="10.6328125" style="1" customWidth="1"/>
    <col min="8220" max="8220" width="4.453125" style="1" bestFit="1" customWidth="1"/>
    <col min="8221" max="8448" width="9" style="1"/>
    <col min="8449" max="8449" width="4.36328125" style="1" bestFit="1" customWidth="1"/>
    <col min="8450" max="8450" width="12.6328125" style="1" customWidth="1"/>
    <col min="8451" max="8465" width="8.6328125" style="1" customWidth="1"/>
    <col min="8466" max="8466" width="4.26953125" style="1" customWidth="1"/>
    <col min="8467" max="8467" width="12.6328125" style="1" customWidth="1"/>
    <col min="8468" max="8473" width="9.6328125" style="1" customWidth="1"/>
    <col min="8474" max="8475" width="10.6328125" style="1" customWidth="1"/>
    <col min="8476" max="8476" width="4.453125" style="1" bestFit="1" customWidth="1"/>
    <col min="8477" max="8704" width="9" style="1"/>
    <col min="8705" max="8705" width="4.36328125" style="1" bestFit="1" customWidth="1"/>
    <col min="8706" max="8706" width="12.6328125" style="1" customWidth="1"/>
    <col min="8707" max="8721" width="8.6328125" style="1" customWidth="1"/>
    <col min="8722" max="8722" width="4.26953125" style="1" customWidth="1"/>
    <col min="8723" max="8723" width="12.6328125" style="1" customWidth="1"/>
    <col min="8724" max="8729" width="9.6328125" style="1" customWidth="1"/>
    <col min="8730" max="8731" width="10.6328125" style="1" customWidth="1"/>
    <col min="8732" max="8732" width="4.453125" style="1" bestFit="1" customWidth="1"/>
    <col min="8733" max="8960" width="9" style="1"/>
    <col min="8961" max="8961" width="4.36328125" style="1" bestFit="1" customWidth="1"/>
    <col min="8962" max="8962" width="12.6328125" style="1" customWidth="1"/>
    <col min="8963" max="8977" width="8.6328125" style="1" customWidth="1"/>
    <col min="8978" max="8978" width="4.26953125" style="1" customWidth="1"/>
    <col min="8979" max="8979" width="12.6328125" style="1" customWidth="1"/>
    <col min="8980" max="8985" width="9.6328125" style="1" customWidth="1"/>
    <col min="8986" max="8987" width="10.6328125" style="1" customWidth="1"/>
    <col min="8988" max="8988" width="4.453125" style="1" bestFit="1" customWidth="1"/>
    <col min="8989" max="9216" width="9" style="1"/>
    <col min="9217" max="9217" width="4.36328125" style="1" bestFit="1" customWidth="1"/>
    <col min="9218" max="9218" width="12.6328125" style="1" customWidth="1"/>
    <col min="9219" max="9233" width="8.6328125" style="1" customWidth="1"/>
    <col min="9234" max="9234" width="4.26953125" style="1" customWidth="1"/>
    <col min="9235" max="9235" width="12.6328125" style="1" customWidth="1"/>
    <col min="9236" max="9241" width="9.6328125" style="1" customWidth="1"/>
    <col min="9242" max="9243" width="10.6328125" style="1" customWidth="1"/>
    <col min="9244" max="9244" width="4.453125" style="1" bestFit="1" customWidth="1"/>
    <col min="9245" max="9472" width="9" style="1"/>
    <col min="9473" max="9473" width="4.36328125" style="1" bestFit="1" customWidth="1"/>
    <col min="9474" max="9474" width="12.6328125" style="1" customWidth="1"/>
    <col min="9475" max="9489" width="8.6328125" style="1" customWidth="1"/>
    <col min="9490" max="9490" width="4.26953125" style="1" customWidth="1"/>
    <col min="9491" max="9491" width="12.6328125" style="1" customWidth="1"/>
    <col min="9492" max="9497" width="9.6328125" style="1" customWidth="1"/>
    <col min="9498" max="9499" width="10.6328125" style="1" customWidth="1"/>
    <col min="9500" max="9500" width="4.453125" style="1" bestFit="1" customWidth="1"/>
    <col min="9501" max="9728" width="9" style="1"/>
    <col min="9729" max="9729" width="4.36328125" style="1" bestFit="1" customWidth="1"/>
    <col min="9730" max="9730" width="12.6328125" style="1" customWidth="1"/>
    <col min="9731" max="9745" width="8.6328125" style="1" customWidth="1"/>
    <col min="9746" max="9746" width="4.26953125" style="1" customWidth="1"/>
    <col min="9747" max="9747" width="12.6328125" style="1" customWidth="1"/>
    <col min="9748" max="9753" width="9.6328125" style="1" customWidth="1"/>
    <col min="9754" max="9755" width="10.6328125" style="1" customWidth="1"/>
    <col min="9756" max="9756" width="4.453125" style="1" bestFit="1" customWidth="1"/>
    <col min="9757" max="9984" width="9" style="1"/>
    <col min="9985" max="9985" width="4.36328125" style="1" bestFit="1" customWidth="1"/>
    <col min="9986" max="9986" width="12.6328125" style="1" customWidth="1"/>
    <col min="9987" max="10001" width="8.6328125" style="1" customWidth="1"/>
    <col min="10002" max="10002" width="4.26953125" style="1" customWidth="1"/>
    <col min="10003" max="10003" width="12.6328125" style="1" customWidth="1"/>
    <col min="10004" max="10009" width="9.6328125" style="1" customWidth="1"/>
    <col min="10010" max="10011" width="10.6328125" style="1" customWidth="1"/>
    <col min="10012" max="10012" width="4.453125" style="1" bestFit="1" customWidth="1"/>
    <col min="10013" max="10240" width="9" style="1"/>
    <col min="10241" max="10241" width="4.36328125" style="1" bestFit="1" customWidth="1"/>
    <col min="10242" max="10242" width="12.6328125" style="1" customWidth="1"/>
    <col min="10243" max="10257" width="8.6328125" style="1" customWidth="1"/>
    <col min="10258" max="10258" width="4.26953125" style="1" customWidth="1"/>
    <col min="10259" max="10259" width="12.6328125" style="1" customWidth="1"/>
    <col min="10260" max="10265" width="9.6328125" style="1" customWidth="1"/>
    <col min="10266" max="10267" width="10.6328125" style="1" customWidth="1"/>
    <col min="10268" max="10268" width="4.453125" style="1" bestFit="1" customWidth="1"/>
    <col min="10269" max="10496" width="9" style="1"/>
    <col min="10497" max="10497" width="4.36328125" style="1" bestFit="1" customWidth="1"/>
    <col min="10498" max="10498" width="12.6328125" style="1" customWidth="1"/>
    <col min="10499" max="10513" width="8.6328125" style="1" customWidth="1"/>
    <col min="10514" max="10514" width="4.26953125" style="1" customWidth="1"/>
    <col min="10515" max="10515" width="12.6328125" style="1" customWidth="1"/>
    <col min="10516" max="10521" width="9.6328125" style="1" customWidth="1"/>
    <col min="10522" max="10523" width="10.6328125" style="1" customWidth="1"/>
    <col min="10524" max="10524" width="4.453125" style="1" bestFit="1" customWidth="1"/>
    <col min="10525" max="10752" width="9" style="1"/>
    <col min="10753" max="10753" width="4.36328125" style="1" bestFit="1" customWidth="1"/>
    <col min="10754" max="10754" width="12.6328125" style="1" customWidth="1"/>
    <col min="10755" max="10769" width="8.6328125" style="1" customWidth="1"/>
    <col min="10770" max="10770" width="4.26953125" style="1" customWidth="1"/>
    <col min="10771" max="10771" width="12.6328125" style="1" customWidth="1"/>
    <col min="10772" max="10777" width="9.6328125" style="1" customWidth="1"/>
    <col min="10778" max="10779" width="10.6328125" style="1" customWidth="1"/>
    <col min="10780" max="10780" width="4.453125" style="1" bestFit="1" customWidth="1"/>
    <col min="10781" max="11008" width="9" style="1"/>
    <col min="11009" max="11009" width="4.36328125" style="1" bestFit="1" customWidth="1"/>
    <col min="11010" max="11010" width="12.6328125" style="1" customWidth="1"/>
    <col min="11011" max="11025" width="8.6328125" style="1" customWidth="1"/>
    <col min="11026" max="11026" width="4.26953125" style="1" customWidth="1"/>
    <col min="11027" max="11027" width="12.6328125" style="1" customWidth="1"/>
    <col min="11028" max="11033" width="9.6328125" style="1" customWidth="1"/>
    <col min="11034" max="11035" width="10.6328125" style="1" customWidth="1"/>
    <col min="11036" max="11036" width="4.453125" style="1" bestFit="1" customWidth="1"/>
    <col min="11037" max="11264" width="9" style="1"/>
    <col min="11265" max="11265" width="4.36328125" style="1" bestFit="1" customWidth="1"/>
    <col min="11266" max="11266" width="12.6328125" style="1" customWidth="1"/>
    <col min="11267" max="11281" width="8.6328125" style="1" customWidth="1"/>
    <col min="11282" max="11282" width="4.26953125" style="1" customWidth="1"/>
    <col min="11283" max="11283" width="12.6328125" style="1" customWidth="1"/>
    <col min="11284" max="11289" width="9.6328125" style="1" customWidth="1"/>
    <col min="11290" max="11291" width="10.6328125" style="1" customWidth="1"/>
    <col min="11292" max="11292" width="4.453125" style="1" bestFit="1" customWidth="1"/>
    <col min="11293" max="11520" width="9" style="1"/>
    <col min="11521" max="11521" width="4.36328125" style="1" bestFit="1" customWidth="1"/>
    <col min="11522" max="11522" width="12.6328125" style="1" customWidth="1"/>
    <col min="11523" max="11537" width="8.6328125" style="1" customWidth="1"/>
    <col min="11538" max="11538" width="4.26953125" style="1" customWidth="1"/>
    <col min="11539" max="11539" width="12.6328125" style="1" customWidth="1"/>
    <col min="11540" max="11545" width="9.6328125" style="1" customWidth="1"/>
    <col min="11546" max="11547" width="10.6328125" style="1" customWidth="1"/>
    <col min="11548" max="11548" width="4.453125" style="1" bestFit="1" customWidth="1"/>
    <col min="11549" max="11776" width="9" style="1"/>
    <col min="11777" max="11777" width="4.36328125" style="1" bestFit="1" customWidth="1"/>
    <col min="11778" max="11778" width="12.6328125" style="1" customWidth="1"/>
    <col min="11779" max="11793" width="8.6328125" style="1" customWidth="1"/>
    <col min="11794" max="11794" width="4.26953125" style="1" customWidth="1"/>
    <col min="11795" max="11795" width="12.6328125" style="1" customWidth="1"/>
    <col min="11796" max="11801" width="9.6328125" style="1" customWidth="1"/>
    <col min="11802" max="11803" width="10.6328125" style="1" customWidth="1"/>
    <col min="11804" max="11804" width="4.453125" style="1" bestFit="1" customWidth="1"/>
    <col min="11805" max="12032" width="9" style="1"/>
    <col min="12033" max="12033" width="4.36328125" style="1" bestFit="1" customWidth="1"/>
    <col min="12034" max="12034" width="12.6328125" style="1" customWidth="1"/>
    <col min="12035" max="12049" width="8.6328125" style="1" customWidth="1"/>
    <col min="12050" max="12050" width="4.26953125" style="1" customWidth="1"/>
    <col min="12051" max="12051" width="12.6328125" style="1" customWidth="1"/>
    <col min="12052" max="12057" width="9.6328125" style="1" customWidth="1"/>
    <col min="12058" max="12059" width="10.6328125" style="1" customWidth="1"/>
    <col min="12060" max="12060" width="4.453125" style="1" bestFit="1" customWidth="1"/>
    <col min="12061" max="12288" width="9" style="1"/>
    <col min="12289" max="12289" width="4.36328125" style="1" bestFit="1" customWidth="1"/>
    <col min="12290" max="12290" width="12.6328125" style="1" customWidth="1"/>
    <col min="12291" max="12305" width="8.6328125" style="1" customWidth="1"/>
    <col min="12306" max="12306" width="4.26953125" style="1" customWidth="1"/>
    <col min="12307" max="12307" width="12.6328125" style="1" customWidth="1"/>
    <col min="12308" max="12313" width="9.6328125" style="1" customWidth="1"/>
    <col min="12314" max="12315" width="10.6328125" style="1" customWidth="1"/>
    <col min="12316" max="12316" width="4.453125" style="1" bestFit="1" customWidth="1"/>
    <col min="12317" max="12544" width="9" style="1"/>
    <col min="12545" max="12545" width="4.36328125" style="1" bestFit="1" customWidth="1"/>
    <col min="12546" max="12546" width="12.6328125" style="1" customWidth="1"/>
    <col min="12547" max="12561" width="8.6328125" style="1" customWidth="1"/>
    <col min="12562" max="12562" width="4.26953125" style="1" customWidth="1"/>
    <col min="12563" max="12563" width="12.6328125" style="1" customWidth="1"/>
    <col min="12564" max="12569" width="9.6328125" style="1" customWidth="1"/>
    <col min="12570" max="12571" width="10.6328125" style="1" customWidth="1"/>
    <col min="12572" max="12572" width="4.453125" style="1" bestFit="1" customWidth="1"/>
    <col min="12573" max="12800" width="9" style="1"/>
    <col min="12801" max="12801" width="4.36328125" style="1" bestFit="1" customWidth="1"/>
    <col min="12802" max="12802" width="12.6328125" style="1" customWidth="1"/>
    <col min="12803" max="12817" width="8.6328125" style="1" customWidth="1"/>
    <col min="12818" max="12818" width="4.26953125" style="1" customWidth="1"/>
    <col min="12819" max="12819" width="12.6328125" style="1" customWidth="1"/>
    <col min="12820" max="12825" width="9.6328125" style="1" customWidth="1"/>
    <col min="12826" max="12827" width="10.6328125" style="1" customWidth="1"/>
    <col min="12828" max="12828" width="4.453125" style="1" bestFit="1" customWidth="1"/>
    <col min="12829" max="13056" width="9" style="1"/>
    <col min="13057" max="13057" width="4.36328125" style="1" bestFit="1" customWidth="1"/>
    <col min="13058" max="13058" width="12.6328125" style="1" customWidth="1"/>
    <col min="13059" max="13073" width="8.6328125" style="1" customWidth="1"/>
    <col min="13074" max="13074" width="4.26953125" style="1" customWidth="1"/>
    <col min="13075" max="13075" width="12.6328125" style="1" customWidth="1"/>
    <col min="13076" max="13081" width="9.6328125" style="1" customWidth="1"/>
    <col min="13082" max="13083" width="10.6328125" style="1" customWidth="1"/>
    <col min="13084" max="13084" width="4.453125" style="1" bestFit="1" customWidth="1"/>
    <col min="13085" max="13312" width="9" style="1"/>
    <col min="13313" max="13313" width="4.36328125" style="1" bestFit="1" customWidth="1"/>
    <col min="13314" max="13314" width="12.6328125" style="1" customWidth="1"/>
    <col min="13315" max="13329" width="8.6328125" style="1" customWidth="1"/>
    <col min="13330" max="13330" width="4.26953125" style="1" customWidth="1"/>
    <col min="13331" max="13331" width="12.6328125" style="1" customWidth="1"/>
    <col min="13332" max="13337" width="9.6328125" style="1" customWidth="1"/>
    <col min="13338" max="13339" width="10.6328125" style="1" customWidth="1"/>
    <col min="13340" max="13340" width="4.453125" style="1" bestFit="1" customWidth="1"/>
    <col min="13341" max="13568" width="9" style="1"/>
    <col min="13569" max="13569" width="4.36328125" style="1" bestFit="1" customWidth="1"/>
    <col min="13570" max="13570" width="12.6328125" style="1" customWidth="1"/>
    <col min="13571" max="13585" width="8.6328125" style="1" customWidth="1"/>
    <col min="13586" max="13586" width="4.26953125" style="1" customWidth="1"/>
    <col min="13587" max="13587" width="12.6328125" style="1" customWidth="1"/>
    <col min="13588" max="13593" width="9.6328125" style="1" customWidth="1"/>
    <col min="13594" max="13595" width="10.6328125" style="1" customWidth="1"/>
    <col min="13596" max="13596" width="4.453125" style="1" bestFit="1" customWidth="1"/>
    <col min="13597" max="13824" width="9" style="1"/>
    <col min="13825" max="13825" width="4.36328125" style="1" bestFit="1" customWidth="1"/>
    <col min="13826" max="13826" width="12.6328125" style="1" customWidth="1"/>
    <col min="13827" max="13841" width="8.6328125" style="1" customWidth="1"/>
    <col min="13842" max="13842" width="4.26953125" style="1" customWidth="1"/>
    <col min="13843" max="13843" width="12.6328125" style="1" customWidth="1"/>
    <col min="13844" max="13849" width="9.6328125" style="1" customWidth="1"/>
    <col min="13850" max="13851" width="10.6328125" style="1" customWidth="1"/>
    <col min="13852" max="13852" width="4.453125" style="1" bestFit="1" customWidth="1"/>
    <col min="13853" max="14080" width="9" style="1"/>
    <col min="14081" max="14081" width="4.36328125" style="1" bestFit="1" customWidth="1"/>
    <col min="14082" max="14082" width="12.6328125" style="1" customWidth="1"/>
    <col min="14083" max="14097" width="8.6328125" style="1" customWidth="1"/>
    <col min="14098" max="14098" width="4.26953125" style="1" customWidth="1"/>
    <col min="14099" max="14099" width="12.6328125" style="1" customWidth="1"/>
    <col min="14100" max="14105" width="9.6328125" style="1" customWidth="1"/>
    <col min="14106" max="14107" width="10.6328125" style="1" customWidth="1"/>
    <col min="14108" max="14108" width="4.453125" style="1" bestFit="1" customWidth="1"/>
    <col min="14109" max="14336" width="9" style="1"/>
    <col min="14337" max="14337" width="4.36328125" style="1" bestFit="1" customWidth="1"/>
    <col min="14338" max="14338" width="12.6328125" style="1" customWidth="1"/>
    <col min="14339" max="14353" width="8.6328125" style="1" customWidth="1"/>
    <col min="14354" max="14354" width="4.26953125" style="1" customWidth="1"/>
    <col min="14355" max="14355" width="12.6328125" style="1" customWidth="1"/>
    <col min="14356" max="14361" width="9.6328125" style="1" customWidth="1"/>
    <col min="14362" max="14363" width="10.6328125" style="1" customWidth="1"/>
    <col min="14364" max="14364" width="4.453125" style="1" bestFit="1" customWidth="1"/>
    <col min="14365" max="14592" width="9" style="1"/>
    <col min="14593" max="14593" width="4.36328125" style="1" bestFit="1" customWidth="1"/>
    <col min="14594" max="14594" width="12.6328125" style="1" customWidth="1"/>
    <col min="14595" max="14609" width="8.6328125" style="1" customWidth="1"/>
    <col min="14610" max="14610" width="4.26953125" style="1" customWidth="1"/>
    <col min="14611" max="14611" width="12.6328125" style="1" customWidth="1"/>
    <col min="14612" max="14617" width="9.6328125" style="1" customWidth="1"/>
    <col min="14618" max="14619" width="10.6328125" style="1" customWidth="1"/>
    <col min="14620" max="14620" width="4.453125" style="1" bestFit="1" customWidth="1"/>
    <col min="14621" max="14848" width="9" style="1"/>
    <col min="14849" max="14849" width="4.36328125" style="1" bestFit="1" customWidth="1"/>
    <col min="14850" max="14850" width="12.6328125" style="1" customWidth="1"/>
    <col min="14851" max="14865" width="8.6328125" style="1" customWidth="1"/>
    <col min="14866" max="14866" width="4.26953125" style="1" customWidth="1"/>
    <col min="14867" max="14867" width="12.6328125" style="1" customWidth="1"/>
    <col min="14868" max="14873" width="9.6328125" style="1" customWidth="1"/>
    <col min="14874" max="14875" width="10.6328125" style="1" customWidth="1"/>
    <col min="14876" max="14876" width="4.453125" style="1" bestFit="1" customWidth="1"/>
    <col min="14877" max="15104" width="9" style="1"/>
    <col min="15105" max="15105" width="4.36328125" style="1" bestFit="1" customWidth="1"/>
    <col min="15106" max="15106" width="12.6328125" style="1" customWidth="1"/>
    <col min="15107" max="15121" width="8.6328125" style="1" customWidth="1"/>
    <col min="15122" max="15122" width="4.26953125" style="1" customWidth="1"/>
    <col min="15123" max="15123" width="12.6328125" style="1" customWidth="1"/>
    <col min="15124" max="15129" width="9.6328125" style="1" customWidth="1"/>
    <col min="15130" max="15131" width="10.6328125" style="1" customWidth="1"/>
    <col min="15132" max="15132" width="4.453125" style="1" bestFit="1" customWidth="1"/>
    <col min="15133" max="15360" width="9" style="1"/>
    <col min="15361" max="15361" width="4.36328125" style="1" bestFit="1" customWidth="1"/>
    <col min="15362" max="15362" width="12.6328125" style="1" customWidth="1"/>
    <col min="15363" max="15377" width="8.6328125" style="1" customWidth="1"/>
    <col min="15378" max="15378" width="4.26953125" style="1" customWidth="1"/>
    <col min="15379" max="15379" width="12.6328125" style="1" customWidth="1"/>
    <col min="15380" max="15385" width="9.6328125" style="1" customWidth="1"/>
    <col min="15386" max="15387" width="10.6328125" style="1" customWidth="1"/>
    <col min="15388" max="15388" width="4.453125" style="1" bestFit="1" customWidth="1"/>
    <col min="15389" max="15616" width="9" style="1"/>
    <col min="15617" max="15617" width="4.36328125" style="1" bestFit="1" customWidth="1"/>
    <col min="15618" max="15618" width="12.6328125" style="1" customWidth="1"/>
    <col min="15619" max="15633" width="8.6328125" style="1" customWidth="1"/>
    <col min="15634" max="15634" width="4.26953125" style="1" customWidth="1"/>
    <col min="15635" max="15635" width="12.6328125" style="1" customWidth="1"/>
    <col min="15636" max="15641" width="9.6328125" style="1" customWidth="1"/>
    <col min="15642" max="15643" width="10.6328125" style="1" customWidth="1"/>
    <col min="15644" max="15644" width="4.453125" style="1" bestFit="1" customWidth="1"/>
    <col min="15645" max="15872" width="9" style="1"/>
    <col min="15873" max="15873" width="4.36328125" style="1" bestFit="1" customWidth="1"/>
    <col min="15874" max="15874" width="12.6328125" style="1" customWidth="1"/>
    <col min="15875" max="15889" width="8.6328125" style="1" customWidth="1"/>
    <col min="15890" max="15890" width="4.26953125" style="1" customWidth="1"/>
    <col min="15891" max="15891" width="12.6328125" style="1" customWidth="1"/>
    <col min="15892" max="15897" width="9.6328125" style="1" customWidth="1"/>
    <col min="15898" max="15899" width="10.6328125" style="1" customWidth="1"/>
    <col min="15900" max="15900" width="4.453125" style="1" bestFit="1" customWidth="1"/>
    <col min="15901" max="16128" width="9" style="1"/>
    <col min="16129" max="16129" width="4.36328125" style="1" bestFit="1" customWidth="1"/>
    <col min="16130" max="16130" width="12.6328125" style="1" customWidth="1"/>
    <col min="16131" max="16145" width="8.6328125" style="1" customWidth="1"/>
    <col min="16146" max="16146" width="4.26953125" style="1" customWidth="1"/>
    <col min="16147" max="16147" width="12.6328125" style="1" customWidth="1"/>
    <col min="16148" max="16153" width="9.6328125" style="1" customWidth="1"/>
    <col min="16154" max="16155" width="10.6328125" style="1" customWidth="1"/>
    <col min="16156" max="16156" width="4.453125" style="1" bestFit="1" customWidth="1"/>
    <col min="16157" max="16384" width="9" style="1"/>
  </cols>
  <sheetData>
    <row r="1" spans="1:28" ht="15" hidden="1" customHeight="1">
      <c r="A1" s="1" t="s">
        <v>0</v>
      </c>
      <c r="R1" s="1" t="s">
        <v>1</v>
      </c>
    </row>
    <row r="2" spans="1:28" ht="15" hidden="1" customHeight="1">
      <c r="A2" s="2" t="s">
        <v>2</v>
      </c>
      <c r="B2" s="3" t="s">
        <v>3</v>
      </c>
      <c r="C2" s="4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  <c r="T2" s="5"/>
      <c r="U2" s="5"/>
      <c r="V2" s="5"/>
      <c r="W2" s="5"/>
      <c r="X2" s="5"/>
      <c r="Y2" s="6"/>
      <c r="Z2" s="4"/>
      <c r="AA2" s="6"/>
    </row>
    <row r="3" spans="1:28" ht="15" hidden="1" customHeight="1">
      <c r="A3" s="7"/>
      <c r="B3" s="7"/>
      <c r="C3" s="8" t="s">
        <v>4</v>
      </c>
      <c r="D3" s="9"/>
      <c r="E3" s="10"/>
      <c r="F3" s="8" t="s">
        <v>5</v>
      </c>
      <c r="G3" s="9"/>
      <c r="H3" s="10"/>
      <c r="I3" s="8" t="s">
        <v>6</v>
      </c>
      <c r="J3" s="9"/>
      <c r="K3" s="10"/>
      <c r="L3" s="8" t="s">
        <v>7</v>
      </c>
      <c r="M3" s="9"/>
      <c r="N3" s="10"/>
      <c r="O3" s="8" t="s">
        <v>8</v>
      </c>
      <c r="P3" s="9"/>
      <c r="Q3" s="10"/>
      <c r="R3" s="11"/>
      <c r="S3" s="11"/>
      <c r="T3" s="8" t="s">
        <v>9</v>
      </c>
      <c r="U3" s="9"/>
      <c r="V3" s="10"/>
      <c r="W3" s="8" t="s">
        <v>10</v>
      </c>
      <c r="X3" s="9"/>
      <c r="Y3" s="10"/>
      <c r="Z3" s="8" t="s">
        <v>11</v>
      </c>
      <c r="AA3" s="10"/>
    </row>
    <row r="4" spans="1:28" ht="15" hidden="1" customHeight="1">
      <c r="A4" s="7"/>
      <c r="B4" s="7"/>
      <c r="C4" s="12" t="s">
        <v>12</v>
      </c>
      <c r="D4" s="12" t="s">
        <v>13</v>
      </c>
      <c r="E4" s="12" t="s">
        <v>14</v>
      </c>
      <c r="F4" s="12" t="s">
        <v>12</v>
      </c>
      <c r="G4" s="12" t="s">
        <v>13</v>
      </c>
      <c r="H4" s="12" t="s">
        <v>14</v>
      </c>
      <c r="I4" s="12" t="s">
        <v>12</v>
      </c>
      <c r="J4" s="12" t="s">
        <v>13</v>
      </c>
      <c r="K4" s="12" t="s">
        <v>14</v>
      </c>
      <c r="L4" s="12" t="s">
        <v>12</v>
      </c>
      <c r="M4" s="12" t="s">
        <v>13</v>
      </c>
      <c r="N4" s="12" t="s">
        <v>14</v>
      </c>
      <c r="O4" s="12" t="s">
        <v>12</v>
      </c>
      <c r="P4" s="12" t="s">
        <v>15</v>
      </c>
      <c r="Q4" s="12" t="s">
        <v>14</v>
      </c>
      <c r="R4" s="12"/>
      <c r="S4" s="12"/>
      <c r="T4" s="12" t="s">
        <v>12</v>
      </c>
      <c r="U4" s="12" t="s">
        <v>13</v>
      </c>
      <c r="V4" s="12" t="s">
        <v>14</v>
      </c>
      <c r="W4" s="12" t="s">
        <v>12</v>
      </c>
      <c r="X4" s="12" t="s">
        <v>13</v>
      </c>
      <c r="Y4" s="12" t="s">
        <v>14</v>
      </c>
      <c r="Z4" s="13" t="s">
        <v>16</v>
      </c>
      <c r="AA4" s="13" t="s">
        <v>14</v>
      </c>
    </row>
    <row r="5" spans="1:28" ht="15" hidden="1" customHeight="1">
      <c r="A5" s="14"/>
      <c r="B5" s="14"/>
      <c r="C5" s="15" t="s">
        <v>17</v>
      </c>
      <c r="D5" s="15" t="s">
        <v>18</v>
      </c>
      <c r="E5" s="15" t="s">
        <v>19</v>
      </c>
      <c r="F5" s="15" t="s">
        <v>20</v>
      </c>
      <c r="G5" s="15" t="s">
        <v>21</v>
      </c>
      <c r="H5" s="15" t="s">
        <v>22</v>
      </c>
      <c r="I5" s="15" t="s">
        <v>23</v>
      </c>
      <c r="J5" s="15" t="s">
        <v>24</v>
      </c>
      <c r="K5" s="15" t="s">
        <v>25</v>
      </c>
      <c r="L5" s="15" t="s">
        <v>26</v>
      </c>
      <c r="M5" s="15" t="s">
        <v>27</v>
      </c>
      <c r="N5" s="15" t="s">
        <v>28</v>
      </c>
      <c r="O5" s="15" t="s">
        <v>29</v>
      </c>
      <c r="P5" s="15" t="s">
        <v>30</v>
      </c>
      <c r="Q5" s="15" t="s">
        <v>31</v>
      </c>
      <c r="R5" s="15"/>
      <c r="S5" s="15"/>
      <c r="T5" s="15" t="s">
        <v>32</v>
      </c>
      <c r="U5" s="15" t="s">
        <v>33</v>
      </c>
      <c r="V5" s="15" t="s">
        <v>34</v>
      </c>
      <c r="W5" s="15" t="s">
        <v>35</v>
      </c>
      <c r="X5" s="15" t="s">
        <v>36</v>
      </c>
      <c r="Y5" s="15" t="s">
        <v>37</v>
      </c>
      <c r="Z5" s="12" t="s">
        <v>38</v>
      </c>
      <c r="AA5" s="12" t="s">
        <v>39</v>
      </c>
    </row>
    <row r="6" spans="1:28" ht="15" hidden="1" customHeight="1">
      <c r="A6" s="16"/>
      <c r="B6" s="16"/>
      <c r="C6" s="17"/>
      <c r="D6" s="17"/>
      <c r="E6" s="17"/>
      <c r="F6" s="17"/>
      <c r="G6" s="17"/>
      <c r="H6" s="17"/>
      <c r="I6" s="17"/>
      <c r="J6" s="17"/>
      <c r="K6" s="17"/>
      <c r="L6" s="17"/>
      <c r="M6" s="17"/>
      <c r="N6" s="17"/>
      <c r="O6" s="17"/>
      <c r="P6" s="17"/>
      <c r="Q6" s="17"/>
      <c r="R6" s="17"/>
      <c r="S6" s="17"/>
      <c r="T6" s="17"/>
      <c r="U6" s="17"/>
      <c r="V6" s="17"/>
      <c r="W6" s="17"/>
      <c r="X6" s="17"/>
      <c r="Y6" s="17"/>
      <c r="Z6" s="16"/>
      <c r="AA6" s="16"/>
    </row>
    <row r="7" spans="1:28" ht="15" customHeight="1">
      <c r="A7" s="1" t="s">
        <v>40</v>
      </c>
      <c r="R7" s="1" t="s">
        <v>41</v>
      </c>
    </row>
    <row r="8" spans="1:28" ht="15" customHeight="1">
      <c r="A8" s="2" t="s">
        <v>2</v>
      </c>
      <c r="B8" s="18" t="s">
        <v>3</v>
      </c>
      <c r="C8" s="8" t="s">
        <v>42</v>
      </c>
      <c r="D8" s="9"/>
      <c r="E8" s="9"/>
      <c r="F8" s="9"/>
      <c r="G8" s="9"/>
      <c r="H8" s="9"/>
      <c r="I8" s="9"/>
      <c r="J8" s="9"/>
      <c r="K8" s="9"/>
      <c r="L8" s="9"/>
      <c r="M8" s="9"/>
      <c r="N8" s="9"/>
      <c r="O8" s="9"/>
      <c r="P8" s="9"/>
      <c r="Q8" s="10"/>
      <c r="R8" s="19" t="s">
        <v>2</v>
      </c>
      <c r="S8" s="3" t="s">
        <v>3</v>
      </c>
      <c r="T8" s="8" t="s">
        <v>43</v>
      </c>
      <c r="U8" s="9"/>
      <c r="V8" s="9"/>
      <c r="W8" s="9"/>
      <c r="X8" s="9"/>
      <c r="Y8" s="9"/>
      <c r="Z8" s="9"/>
      <c r="AA8" s="10"/>
      <c r="AB8" s="20" t="s">
        <v>2</v>
      </c>
    </row>
    <row r="9" spans="1:28" ht="15" customHeight="1">
      <c r="A9" s="21"/>
      <c r="B9" s="22"/>
      <c r="C9" s="8" t="s">
        <v>4</v>
      </c>
      <c r="D9" s="9"/>
      <c r="E9" s="10"/>
      <c r="F9" s="8" t="s">
        <v>5</v>
      </c>
      <c r="G9" s="9"/>
      <c r="H9" s="10"/>
      <c r="I9" s="8" t="s">
        <v>6</v>
      </c>
      <c r="J9" s="9"/>
      <c r="K9" s="10"/>
      <c r="L9" s="8" t="s">
        <v>7</v>
      </c>
      <c r="M9" s="9"/>
      <c r="N9" s="10"/>
      <c r="O9" s="8" t="s">
        <v>44</v>
      </c>
      <c r="P9" s="9"/>
      <c r="Q9" s="10"/>
      <c r="R9" s="23"/>
      <c r="S9" s="7"/>
      <c r="T9" s="8" t="s">
        <v>9</v>
      </c>
      <c r="U9" s="9"/>
      <c r="V9" s="10"/>
      <c r="W9" s="8" t="s">
        <v>10</v>
      </c>
      <c r="X9" s="9"/>
      <c r="Y9" s="10"/>
      <c r="Z9" s="8" t="s">
        <v>11</v>
      </c>
      <c r="AA9" s="10"/>
      <c r="AB9" s="24"/>
    </row>
    <row r="10" spans="1:28" ht="15" customHeight="1">
      <c r="A10" s="25"/>
      <c r="B10" s="26"/>
      <c r="C10" s="12" t="s">
        <v>12</v>
      </c>
      <c r="D10" s="12" t="s">
        <v>13</v>
      </c>
      <c r="E10" s="12" t="s">
        <v>14</v>
      </c>
      <c r="F10" s="12" t="s">
        <v>12</v>
      </c>
      <c r="G10" s="12" t="s">
        <v>13</v>
      </c>
      <c r="H10" s="12" t="s">
        <v>14</v>
      </c>
      <c r="I10" s="12" t="s">
        <v>12</v>
      </c>
      <c r="J10" s="12" t="s">
        <v>13</v>
      </c>
      <c r="K10" s="12" t="s">
        <v>14</v>
      </c>
      <c r="L10" s="12" t="s">
        <v>12</v>
      </c>
      <c r="M10" s="12" t="s">
        <v>13</v>
      </c>
      <c r="N10" s="12" t="s">
        <v>14</v>
      </c>
      <c r="O10" s="12" t="s">
        <v>12</v>
      </c>
      <c r="P10" s="27" t="s">
        <v>45</v>
      </c>
      <c r="Q10" s="12" t="s">
        <v>14</v>
      </c>
      <c r="R10" s="28"/>
      <c r="S10" s="14"/>
      <c r="T10" s="12" t="s">
        <v>12</v>
      </c>
      <c r="U10" s="12" t="s">
        <v>46</v>
      </c>
      <c r="V10" s="12" t="s">
        <v>14</v>
      </c>
      <c r="W10" s="12" t="s">
        <v>12</v>
      </c>
      <c r="X10" s="12" t="s">
        <v>13</v>
      </c>
      <c r="Y10" s="12" t="s">
        <v>14</v>
      </c>
      <c r="Z10" s="13" t="s">
        <v>16</v>
      </c>
      <c r="AA10" s="13" t="s">
        <v>14</v>
      </c>
      <c r="AB10" s="29"/>
    </row>
    <row r="11" spans="1:28" ht="15" customHeight="1">
      <c r="A11" s="30"/>
      <c r="B11" s="31"/>
      <c r="C11" s="32" t="s">
        <v>47</v>
      </c>
      <c r="D11" s="32" t="s">
        <v>48</v>
      </c>
      <c r="E11" s="32" t="s">
        <v>49</v>
      </c>
      <c r="F11" s="32" t="s">
        <v>47</v>
      </c>
      <c r="G11" s="32" t="s">
        <v>48</v>
      </c>
      <c r="H11" s="32" t="s">
        <v>49</v>
      </c>
      <c r="I11" s="32" t="s">
        <v>47</v>
      </c>
      <c r="J11" s="32" t="s">
        <v>48</v>
      </c>
      <c r="K11" s="32" t="s">
        <v>49</v>
      </c>
      <c r="L11" s="32" t="s">
        <v>47</v>
      </c>
      <c r="M11" s="32" t="s">
        <v>48</v>
      </c>
      <c r="N11" s="32" t="s">
        <v>49</v>
      </c>
      <c r="O11" s="32" t="s">
        <v>47</v>
      </c>
      <c r="P11" s="32" t="s">
        <v>50</v>
      </c>
      <c r="Q11" s="32" t="s">
        <v>49</v>
      </c>
      <c r="R11" s="33"/>
      <c r="S11" s="30"/>
      <c r="T11" s="32" t="s">
        <v>47</v>
      </c>
      <c r="U11" s="32" t="s">
        <v>51</v>
      </c>
      <c r="V11" s="32" t="s">
        <v>49</v>
      </c>
      <c r="W11" s="32" t="s">
        <v>47</v>
      </c>
      <c r="X11" s="32" t="s">
        <v>48</v>
      </c>
      <c r="Y11" s="32" t="s">
        <v>49</v>
      </c>
      <c r="Z11" s="32" t="s">
        <v>47</v>
      </c>
      <c r="AA11" s="32" t="s">
        <v>49</v>
      </c>
      <c r="AB11" s="31"/>
    </row>
    <row r="12" spans="1:28" ht="15" customHeight="1">
      <c r="A12" s="34"/>
      <c r="B12" s="35" t="s">
        <v>52</v>
      </c>
      <c r="C12" s="58">
        <f>'[1]第8,10表元データ'!D25+'[1]第8,10表元データ'!E25</f>
        <v>0</v>
      </c>
      <c r="D12" s="58">
        <f>'[1]第8,10表元データ'!F25+'[1]第8,10表元データ'!G25</f>
        <v>0</v>
      </c>
      <c r="E12" s="58">
        <f>ROUND(('[1]第8,10表元データ'!H25+'[1]第8,10表元データ'!I25)/1000,0)</f>
        <v>0</v>
      </c>
      <c r="F12" s="58">
        <f>'[1]第8,10表元データ'!J25+'[1]第8,10表元データ'!K25</f>
        <v>0</v>
      </c>
      <c r="G12" s="58">
        <f>'[1]第8,10表元データ'!L25+'[1]第8,10表元データ'!M25</f>
        <v>0</v>
      </c>
      <c r="H12" s="58">
        <f>ROUND(('[1]第8,10表元データ'!N25+'[1]第8,10表元データ'!O25)/1000,0)</f>
        <v>0</v>
      </c>
      <c r="I12" s="58">
        <f>'[1]第8,10表元データ'!P25+'[1]第8,10表元データ'!Q25</f>
        <v>0</v>
      </c>
      <c r="J12" s="58">
        <f>'[1]第8,10表元データ'!R25+'[1]第8,10表元データ'!S25</f>
        <v>0</v>
      </c>
      <c r="K12" s="58">
        <f>ROUND(('[1]第8,10表元データ'!T25+'[1]第8,10表元データ'!U25)/1000,0)</f>
        <v>0</v>
      </c>
      <c r="L12" s="58">
        <f>'[1]第8,10表元データ'!V25+'[1]第8,10表元データ'!W25</f>
        <v>0</v>
      </c>
      <c r="M12" s="58">
        <f>'[1]第8,10表元データ'!X25+'[1]第8,10表元データ'!Y25</f>
        <v>0</v>
      </c>
      <c r="N12" s="58">
        <f>ROUND(('[1]第8,10表元データ'!Z25+'[1]第8,10表元データ'!AA25)/1000,0)</f>
        <v>0</v>
      </c>
      <c r="O12" s="58">
        <f>'[1]第8,10表元データ'!AB25+'[1]第8,10表元データ'!AC25</f>
        <v>0</v>
      </c>
      <c r="P12" s="58">
        <f>'[1]第8,10表元データ'!AD25+'[1]第8,10表元データ'!AE25</f>
        <v>0</v>
      </c>
      <c r="Q12" s="58">
        <f>ROUND(('[1]第8,10表元データ'!AF25+'[1]第8,10表元データ'!AG25)/1000,0)</f>
        <v>0</v>
      </c>
      <c r="R12" s="37"/>
      <c r="S12" s="13" t="s">
        <v>52</v>
      </c>
      <c r="T12" s="36">
        <f>'[1]第8,10表元データ'!AH25+'[1]第8,10表元データ'!AI25</f>
        <v>0</v>
      </c>
      <c r="U12" s="36">
        <f>'[1]第8,10表元データ'!AJ25+'[1]第8,10表元データ'!AK25</f>
        <v>0</v>
      </c>
      <c r="V12" s="36">
        <f>ROUND(('[1]第8,10表元データ'!AL25+'[1]第8,10表元データ'!AM25)/1000,0)</f>
        <v>0</v>
      </c>
      <c r="W12" s="36">
        <f>'[1]第8,10表元データ'!AN25+'[1]第8,10表元データ'!AO25</f>
        <v>0</v>
      </c>
      <c r="X12" s="36">
        <f>'[1]第8,10表元データ'!AP25+'[1]第8,10表元データ'!AQ25</f>
        <v>0</v>
      </c>
      <c r="Y12" s="36">
        <f>ROUND(('[1]第8,10表元データ'!AR25+'[1]第8,10表元データ'!AS25)/1000,0)</f>
        <v>0</v>
      </c>
      <c r="Z12" s="36">
        <f>'[1]第8,10表元データ'!AT25+'[1]第8,10表元データ'!AU25</f>
        <v>0</v>
      </c>
      <c r="AA12" s="36">
        <f>ROUND(('[1]第8,10表元データ'!AV25+'[1]第8,10表元データ'!AW25)/1000,0)</f>
        <v>0</v>
      </c>
      <c r="AB12" s="38"/>
    </row>
    <row r="13" spans="1:28" ht="15" customHeight="1">
      <c r="A13" s="39"/>
      <c r="B13" s="40" t="s">
        <v>53</v>
      </c>
      <c r="C13" s="59">
        <f>'[1]第8,10表元データ'!D23+'[1]第8,10表元データ'!E23</f>
        <v>0</v>
      </c>
      <c r="D13" s="59">
        <f>'[1]第8,10表元データ'!F23+'[1]第8,10表元データ'!G23</f>
        <v>0</v>
      </c>
      <c r="E13" s="59">
        <f>ROUND(('[1]第8,10表元データ'!H23+'[1]第8,10表元データ'!I23)/1000,0)</f>
        <v>0</v>
      </c>
      <c r="F13" s="59">
        <f>'[1]第8,10表元データ'!J23+'[1]第8,10表元データ'!K23</f>
        <v>0</v>
      </c>
      <c r="G13" s="59">
        <f>'[1]第8,10表元データ'!L23+'[1]第8,10表元データ'!M23</f>
        <v>0</v>
      </c>
      <c r="H13" s="59">
        <f>ROUND(('[1]第8,10表元データ'!N23+'[1]第8,10表元データ'!O23)/1000,0)</f>
        <v>0</v>
      </c>
      <c r="I13" s="59">
        <f>'[1]第8,10表元データ'!P23+'[1]第8,10表元データ'!Q23</f>
        <v>0</v>
      </c>
      <c r="J13" s="59">
        <f>'[1]第8,10表元データ'!R23+'[1]第8,10表元データ'!S23</f>
        <v>0</v>
      </c>
      <c r="K13" s="59">
        <f>ROUND(('[1]第8,10表元データ'!T23+'[1]第8,10表元データ'!U23)/1000,0)</f>
        <v>0</v>
      </c>
      <c r="L13" s="59">
        <f>'[1]第8,10表元データ'!V23+'[1]第8,10表元データ'!W23</f>
        <v>0</v>
      </c>
      <c r="M13" s="59">
        <f>'[1]第8,10表元データ'!X23+'[1]第8,10表元データ'!Y23</f>
        <v>0</v>
      </c>
      <c r="N13" s="59">
        <f>ROUND(('[1]第8,10表元データ'!Z23+'[1]第8,10表元データ'!AA23)/1000,0)</f>
        <v>0</v>
      </c>
      <c r="O13" s="59">
        <f>'[1]第8,10表元データ'!AB23+'[1]第8,10表元データ'!AC23</f>
        <v>0</v>
      </c>
      <c r="P13" s="59">
        <f>'[1]第8,10表元データ'!AD23+'[1]第8,10表元データ'!AE23</f>
        <v>0</v>
      </c>
      <c r="Q13" s="59">
        <f>ROUND(('[1]第8,10表元データ'!AF23+'[1]第8,10表元データ'!AG23)/1000,0)</f>
        <v>0</v>
      </c>
      <c r="R13" s="42"/>
      <c r="S13" s="12" t="s">
        <v>53</v>
      </c>
      <c r="T13" s="41">
        <f>'[1]第8,10表元データ'!AH23+'[1]第8,10表元データ'!AI23</f>
        <v>0</v>
      </c>
      <c r="U13" s="41">
        <f>'[1]第8,10表元データ'!AJ23+'[1]第8,10表元データ'!AK23</f>
        <v>0</v>
      </c>
      <c r="V13" s="41">
        <f>ROUND(('[1]第8,10表元データ'!AL23+'[1]第8,10表元データ'!AM23)/1000,0)</f>
        <v>0</v>
      </c>
      <c r="W13" s="41">
        <f>'[1]第8,10表元データ'!AN23+'[1]第8,10表元データ'!AO23</f>
        <v>0</v>
      </c>
      <c r="X13" s="41">
        <f>'[1]第8,10表元データ'!AP23+'[1]第8,10表元データ'!AQ23</f>
        <v>0</v>
      </c>
      <c r="Y13" s="41">
        <f>ROUND(('[1]第8,10表元データ'!AR23+'[1]第8,10表元データ'!AS23)/1000,0)</f>
        <v>0</v>
      </c>
      <c r="Z13" s="41">
        <f>'[1]第8,10表元データ'!AT23+'[1]第8,10表元データ'!AU23</f>
        <v>0</v>
      </c>
      <c r="AA13" s="41">
        <f>ROUND(('[1]第8,10表元データ'!AV23+'[1]第8,10表元データ'!AW23)/1000,0)</f>
        <v>0</v>
      </c>
      <c r="AB13" s="43"/>
    </row>
    <row r="14" spans="1:28" ht="15" customHeight="1">
      <c r="A14" s="39"/>
      <c r="B14" s="40" t="s">
        <v>54</v>
      </c>
      <c r="C14" s="60" t="s">
        <v>55</v>
      </c>
      <c r="D14" s="60" t="s">
        <v>55</v>
      </c>
      <c r="E14" s="60" t="s">
        <v>55</v>
      </c>
      <c r="F14" s="60" t="s">
        <v>55</v>
      </c>
      <c r="G14" s="60" t="s">
        <v>55</v>
      </c>
      <c r="H14" s="60" t="s">
        <v>55</v>
      </c>
      <c r="I14" s="60" t="s">
        <v>55</v>
      </c>
      <c r="J14" s="60" t="s">
        <v>55</v>
      </c>
      <c r="K14" s="60" t="s">
        <v>55</v>
      </c>
      <c r="L14" s="60" t="s">
        <v>55</v>
      </c>
      <c r="M14" s="60" t="s">
        <v>55</v>
      </c>
      <c r="N14" s="60" t="s">
        <v>55</v>
      </c>
      <c r="O14" s="60" t="s">
        <v>55</v>
      </c>
      <c r="P14" s="60" t="s">
        <v>55</v>
      </c>
      <c r="Q14" s="60" t="s">
        <v>55</v>
      </c>
      <c r="R14" s="44"/>
      <c r="S14" s="45" t="s">
        <v>54</v>
      </c>
      <c r="T14" s="46" t="s">
        <v>55</v>
      </c>
      <c r="U14" s="46" t="s">
        <v>55</v>
      </c>
      <c r="V14" s="46" t="s">
        <v>55</v>
      </c>
      <c r="W14" s="46" t="s">
        <v>55</v>
      </c>
      <c r="X14" s="46" t="s">
        <v>55</v>
      </c>
      <c r="Y14" s="46" t="s">
        <v>55</v>
      </c>
      <c r="Z14" s="46" t="s">
        <v>55</v>
      </c>
      <c r="AA14" s="46" t="s">
        <v>55</v>
      </c>
      <c r="AB14" s="47"/>
    </row>
    <row r="15" spans="1:28" ht="15" customHeight="1">
      <c r="A15" s="34">
        <v>1</v>
      </c>
      <c r="B15" s="48" t="s">
        <v>56</v>
      </c>
      <c r="C15" s="61">
        <f>'[1]第8,10表元データ'!D3+'[1]第8,10表元データ'!E3</f>
        <v>0</v>
      </c>
      <c r="D15" s="61">
        <f>'[1]第8,10表元データ'!F3+'[1]第8,10表元データ'!G3</f>
        <v>0</v>
      </c>
      <c r="E15" s="61">
        <f>ROUND(('[1]第8,10表元データ'!H3+'[1]第8,10表元データ'!I3)/1000,0)</f>
        <v>0</v>
      </c>
      <c r="F15" s="61">
        <f>'[1]第8,10表元データ'!J3+'[1]第8,10表元データ'!K3</f>
        <v>0</v>
      </c>
      <c r="G15" s="61">
        <f>'[1]第8,10表元データ'!L3+'[1]第8,10表元データ'!M3</f>
        <v>0</v>
      </c>
      <c r="H15" s="61">
        <f>ROUND(('[1]第8,10表元データ'!N3+'[1]第8,10表元データ'!O3)/1000,0)</f>
        <v>0</v>
      </c>
      <c r="I15" s="61">
        <f>'[1]第8,10表元データ'!P3+'[1]第8,10表元データ'!Q3</f>
        <v>0</v>
      </c>
      <c r="J15" s="61">
        <f>'[1]第8,10表元データ'!R3+'[1]第8,10表元データ'!S3</f>
        <v>0</v>
      </c>
      <c r="K15" s="61">
        <f>ROUND(('[1]第8,10表元データ'!T3+'[1]第8,10表元データ'!U3)/1000,0)</f>
        <v>0</v>
      </c>
      <c r="L15" s="61">
        <f>'[1]第8,10表元データ'!V3+'[1]第8,10表元データ'!W3</f>
        <v>0</v>
      </c>
      <c r="M15" s="61">
        <f>'[1]第8,10表元データ'!X3+'[1]第8,10表元データ'!Y3</f>
        <v>0</v>
      </c>
      <c r="N15" s="61">
        <f>ROUND(('[1]第8,10表元データ'!Z3+'[1]第8,10表元データ'!AA3)/1000,0)</f>
        <v>0</v>
      </c>
      <c r="O15" s="61">
        <f>'[1]第8,10表元データ'!AB3+'[1]第8,10表元データ'!AC3</f>
        <v>0</v>
      </c>
      <c r="P15" s="61">
        <f>'[1]第8,10表元データ'!AD3+'[1]第8,10表元データ'!AE3</f>
        <v>0</v>
      </c>
      <c r="Q15" s="61">
        <f>ROUND(('[1]第8,10表元データ'!AF3+'[1]第8,10表元データ'!AG3)/1000,0)</f>
        <v>0</v>
      </c>
      <c r="R15" s="42">
        <v>1</v>
      </c>
      <c r="S15" s="49" t="s">
        <v>56</v>
      </c>
      <c r="T15" s="50">
        <f>'[1]第8,10表元データ'!AH3+'[1]第8,10表元データ'!AI3</f>
        <v>0</v>
      </c>
      <c r="U15" s="50">
        <f>'[1]第8,10表元データ'!AJ3+'[1]第8,10表元データ'!AK3</f>
        <v>0</v>
      </c>
      <c r="V15" s="50">
        <f>ROUND(('[1]第8,10表元データ'!AL3+'[1]第8,10表元データ'!AM3)/1000,0)</f>
        <v>0</v>
      </c>
      <c r="W15" s="50">
        <f>'[1]第8,10表元データ'!AN3+'[1]第8,10表元データ'!AO3</f>
        <v>0</v>
      </c>
      <c r="X15" s="50">
        <f>'[1]第8,10表元データ'!AP3+'[1]第8,10表元データ'!AQ3</f>
        <v>0</v>
      </c>
      <c r="Y15" s="50">
        <f>ROUND(('[1]第8,10表元データ'!AR3+'[1]第8,10表元データ'!AS3)/1000,0)</f>
        <v>0</v>
      </c>
      <c r="Z15" s="50">
        <f>'[1]第8,10表元データ'!AT3+'[1]第8,10表元データ'!AU3</f>
        <v>0</v>
      </c>
      <c r="AA15" s="50">
        <f>ROUND(('[1]第8,10表元データ'!AV3+'[1]第8,10表元データ'!AW3)/1000,0)</f>
        <v>0</v>
      </c>
      <c r="AB15" s="43">
        <v>1</v>
      </c>
    </row>
    <row r="16" spans="1:28" ht="15" customHeight="1">
      <c r="A16" s="39">
        <v>2</v>
      </c>
      <c r="B16" s="51" t="s">
        <v>57</v>
      </c>
      <c r="C16" s="62">
        <f>'[1]第8,10表元データ'!D4+'[1]第8,10表元データ'!E4</f>
        <v>0</v>
      </c>
      <c r="D16" s="62">
        <f>'[1]第8,10表元データ'!F4+'[1]第8,10表元データ'!G4</f>
        <v>0</v>
      </c>
      <c r="E16" s="62">
        <f>ROUND(('[1]第8,10表元データ'!H4+'[1]第8,10表元データ'!I4)/1000,0)</f>
        <v>0</v>
      </c>
      <c r="F16" s="62">
        <f>'[1]第8,10表元データ'!J4+'[1]第8,10表元データ'!K4</f>
        <v>0</v>
      </c>
      <c r="G16" s="62">
        <f>'[1]第8,10表元データ'!L4+'[1]第8,10表元データ'!M4</f>
        <v>0</v>
      </c>
      <c r="H16" s="62">
        <f>ROUND(('[1]第8,10表元データ'!N4+'[1]第8,10表元データ'!O4)/1000,0)</f>
        <v>0</v>
      </c>
      <c r="I16" s="62">
        <f>'[1]第8,10表元データ'!P4+'[1]第8,10表元データ'!Q4</f>
        <v>0</v>
      </c>
      <c r="J16" s="62">
        <f>'[1]第8,10表元データ'!R4+'[1]第8,10表元データ'!S4</f>
        <v>0</v>
      </c>
      <c r="K16" s="62">
        <f>ROUND(('[1]第8,10表元データ'!T4+'[1]第8,10表元データ'!U4)/1000,0)</f>
        <v>0</v>
      </c>
      <c r="L16" s="62">
        <f>'[1]第8,10表元データ'!V4+'[1]第8,10表元データ'!W4</f>
        <v>0</v>
      </c>
      <c r="M16" s="62">
        <f>'[1]第8,10表元データ'!X4+'[1]第8,10表元データ'!Y4</f>
        <v>0</v>
      </c>
      <c r="N16" s="62">
        <f>ROUND(('[1]第8,10表元データ'!Z4+'[1]第8,10表元データ'!AA4)/1000,0)</f>
        <v>0</v>
      </c>
      <c r="O16" s="62">
        <f>'[1]第8,10表元データ'!AB4+'[1]第8,10表元データ'!AC4</f>
        <v>0</v>
      </c>
      <c r="P16" s="62">
        <f>'[1]第8,10表元データ'!AD4+'[1]第8,10表元データ'!AE4</f>
        <v>0</v>
      </c>
      <c r="Q16" s="62">
        <f>ROUND(('[1]第8,10表元データ'!AF4+'[1]第8,10表元データ'!AG4)/1000,0)</f>
        <v>0</v>
      </c>
      <c r="R16" s="42">
        <v>2</v>
      </c>
      <c r="S16" s="49" t="s">
        <v>57</v>
      </c>
      <c r="T16" s="50">
        <f>'[1]第8,10表元データ'!AH4+'[1]第8,10表元データ'!AI4</f>
        <v>0</v>
      </c>
      <c r="U16" s="50">
        <f>'[1]第8,10表元データ'!AJ4+'[1]第8,10表元データ'!AK4</f>
        <v>0</v>
      </c>
      <c r="V16" s="50">
        <f>ROUND(('[1]第8,10表元データ'!AL4+'[1]第8,10表元データ'!AM4)/1000,0)</f>
        <v>0</v>
      </c>
      <c r="W16" s="50">
        <f>'[1]第8,10表元データ'!AN4+'[1]第8,10表元データ'!AO4</f>
        <v>0</v>
      </c>
      <c r="X16" s="50">
        <f>'[1]第8,10表元データ'!AP4+'[1]第8,10表元データ'!AQ4</f>
        <v>0</v>
      </c>
      <c r="Y16" s="50">
        <f>ROUND(('[1]第8,10表元データ'!AR4+'[1]第8,10表元データ'!AS4)/1000,0)</f>
        <v>0</v>
      </c>
      <c r="Z16" s="50">
        <f>'[1]第8,10表元データ'!AT4+'[1]第8,10表元データ'!AU4</f>
        <v>0</v>
      </c>
      <c r="AA16" s="50">
        <f>ROUND(('[1]第8,10表元データ'!AV4+'[1]第8,10表元データ'!AW4)/1000,0)</f>
        <v>0</v>
      </c>
      <c r="AB16" s="43">
        <v>2</v>
      </c>
    </row>
    <row r="17" spans="1:28" ht="15" customHeight="1">
      <c r="A17" s="39">
        <v>3</v>
      </c>
      <c r="B17" s="51" t="s">
        <v>58</v>
      </c>
      <c r="C17" s="62">
        <f>'[1]第8,10表元データ'!D5+'[1]第8,10表元データ'!E5</f>
        <v>0</v>
      </c>
      <c r="D17" s="62">
        <f>'[1]第8,10表元データ'!F5+'[1]第8,10表元データ'!G5</f>
        <v>0</v>
      </c>
      <c r="E17" s="62">
        <f>ROUND(('[1]第8,10表元データ'!H5+'[1]第8,10表元データ'!I5)/1000,0)</f>
        <v>0</v>
      </c>
      <c r="F17" s="62">
        <f>'[1]第8,10表元データ'!J5+'[1]第8,10表元データ'!K5</f>
        <v>0</v>
      </c>
      <c r="G17" s="62">
        <f>'[1]第8,10表元データ'!L5+'[1]第8,10表元データ'!M5</f>
        <v>0</v>
      </c>
      <c r="H17" s="62">
        <f>ROUND(('[1]第8,10表元データ'!N5+'[1]第8,10表元データ'!O5)/1000,0)</f>
        <v>0</v>
      </c>
      <c r="I17" s="62">
        <f>'[1]第8,10表元データ'!P5+'[1]第8,10表元データ'!Q5</f>
        <v>0</v>
      </c>
      <c r="J17" s="62">
        <f>'[1]第8,10表元データ'!R5+'[1]第8,10表元データ'!S5</f>
        <v>0</v>
      </c>
      <c r="K17" s="62">
        <f>ROUND(('[1]第8,10表元データ'!T5+'[1]第8,10表元データ'!U5)/1000,0)</f>
        <v>0</v>
      </c>
      <c r="L17" s="62">
        <f>'[1]第8,10表元データ'!V5+'[1]第8,10表元データ'!W5</f>
        <v>0</v>
      </c>
      <c r="M17" s="62">
        <f>'[1]第8,10表元データ'!X5+'[1]第8,10表元データ'!Y5</f>
        <v>0</v>
      </c>
      <c r="N17" s="62">
        <f>ROUND(('[1]第8,10表元データ'!Z5+'[1]第8,10表元データ'!AA5)/1000,0)</f>
        <v>0</v>
      </c>
      <c r="O17" s="62">
        <f>'[1]第8,10表元データ'!AB5+'[1]第8,10表元データ'!AC5</f>
        <v>0</v>
      </c>
      <c r="P17" s="62">
        <f>'[1]第8,10表元データ'!AD5+'[1]第8,10表元データ'!AE5</f>
        <v>0</v>
      </c>
      <c r="Q17" s="62">
        <f>ROUND(('[1]第8,10表元データ'!AF5+'[1]第8,10表元データ'!AG5)/1000,0)</f>
        <v>0</v>
      </c>
      <c r="R17" s="42">
        <v>3</v>
      </c>
      <c r="S17" s="49" t="s">
        <v>58</v>
      </c>
      <c r="T17" s="50">
        <f>'[1]第8,10表元データ'!AH5+'[1]第8,10表元データ'!AI5</f>
        <v>0</v>
      </c>
      <c r="U17" s="50">
        <f>'[1]第8,10表元データ'!AJ5+'[1]第8,10表元データ'!AK5</f>
        <v>0</v>
      </c>
      <c r="V17" s="50">
        <f>ROUND(('[1]第8,10表元データ'!AL5+'[1]第8,10表元データ'!AM5)/1000,0)</f>
        <v>0</v>
      </c>
      <c r="W17" s="50">
        <f>'[1]第8,10表元データ'!AN5+'[1]第8,10表元データ'!AO5</f>
        <v>0</v>
      </c>
      <c r="X17" s="50">
        <f>'[1]第8,10表元データ'!AP5+'[1]第8,10表元データ'!AQ5</f>
        <v>0</v>
      </c>
      <c r="Y17" s="50">
        <f>ROUND(('[1]第8,10表元データ'!AR5+'[1]第8,10表元データ'!AS5)/1000,0)</f>
        <v>0</v>
      </c>
      <c r="Z17" s="50">
        <f>'[1]第8,10表元データ'!AT5+'[1]第8,10表元データ'!AU5</f>
        <v>0</v>
      </c>
      <c r="AA17" s="50">
        <f>ROUND(('[1]第8,10表元データ'!AV5+'[1]第8,10表元データ'!AW5)/1000,0)</f>
        <v>0</v>
      </c>
      <c r="AB17" s="43">
        <v>3</v>
      </c>
    </row>
    <row r="18" spans="1:28" ht="15" customHeight="1">
      <c r="A18" s="39">
        <v>4</v>
      </c>
      <c r="B18" s="51" t="s">
        <v>59</v>
      </c>
      <c r="C18" s="62">
        <f>'[1]第8,10表元データ'!D6+'[1]第8,10表元データ'!E6</f>
        <v>0</v>
      </c>
      <c r="D18" s="62">
        <f>'[1]第8,10表元データ'!F6+'[1]第8,10表元データ'!G6</f>
        <v>0</v>
      </c>
      <c r="E18" s="62">
        <f>ROUND(('[1]第8,10表元データ'!H6+'[1]第8,10表元データ'!I6)/1000,0)</f>
        <v>0</v>
      </c>
      <c r="F18" s="62">
        <f>'[1]第8,10表元データ'!J6+'[1]第8,10表元データ'!K6</f>
        <v>0</v>
      </c>
      <c r="G18" s="62">
        <f>'[1]第8,10表元データ'!L6+'[1]第8,10表元データ'!M6</f>
        <v>0</v>
      </c>
      <c r="H18" s="62">
        <f>ROUND(('[1]第8,10表元データ'!N6+'[1]第8,10表元データ'!O6)/1000,0)</f>
        <v>0</v>
      </c>
      <c r="I18" s="62">
        <f>'[1]第8,10表元データ'!P6+'[1]第8,10表元データ'!Q6</f>
        <v>0</v>
      </c>
      <c r="J18" s="62">
        <f>'[1]第8,10表元データ'!R6+'[1]第8,10表元データ'!S6</f>
        <v>0</v>
      </c>
      <c r="K18" s="62">
        <f>ROUND(('[1]第8,10表元データ'!T6+'[1]第8,10表元データ'!U6)/1000,0)</f>
        <v>0</v>
      </c>
      <c r="L18" s="62">
        <f>'[1]第8,10表元データ'!V6+'[1]第8,10表元データ'!W6</f>
        <v>0</v>
      </c>
      <c r="M18" s="62">
        <f>'[1]第8,10表元データ'!X6+'[1]第8,10表元データ'!Y6</f>
        <v>0</v>
      </c>
      <c r="N18" s="62">
        <f>ROUND(('[1]第8,10表元データ'!Z6+'[1]第8,10表元データ'!AA6)/1000,0)</f>
        <v>0</v>
      </c>
      <c r="O18" s="62">
        <f>'[1]第8,10表元データ'!AB6+'[1]第8,10表元データ'!AC6</f>
        <v>0</v>
      </c>
      <c r="P18" s="62">
        <f>'[1]第8,10表元データ'!AD6+'[1]第8,10表元データ'!AE6</f>
        <v>0</v>
      </c>
      <c r="Q18" s="62">
        <f>ROUND(('[1]第8,10表元データ'!AF6+'[1]第8,10表元データ'!AG6)/1000,0)</f>
        <v>0</v>
      </c>
      <c r="R18" s="42">
        <v>4</v>
      </c>
      <c r="S18" s="49" t="s">
        <v>59</v>
      </c>
      <c r="T18" s="50">
        <f>'[1]第8,10表元データ'!AH6+'[1]第8,10表元データ'!AI6</f>
        <v>0</v>
      </c>
      <c r="U18" s="50">
        <f>'[1]第8,10表元データ'!AJ6+'[1]第8,10表元データ'!AK6</f>
        <v>0</v>
      </c>
      <c r="V18" s="50">
        <f>ROUND(('[1]第8,10表元データ'!AL6+'[1]第8,10表元データ'!AM6)/1000,0)</f>
        <v>0</v>
      </c>
      <c r="W18" s="50">
        <f>'[1]第8,10表元データ'!AN6+'[1]第8,10表元データ'!AO6</f>
        <v>0</v>
      </c>
      <c r="X18" s="50">
        <f>'[1]第8,10表元データ'!AP6+'[1]第8,10表元データ'!AQ6</f>
        <v>0</v>
      </c>
      <c r="Y18" s="50">
        <f>ROUND(('[1]第8,10表元データ'!AR6+'[1]第8,10表元データ'!AS6)/1000,0)</f>
        <v>0</v>
      </c>
      <c r="Z18" s="50">
        <f>'[1]第8,10表元データ'!AT6+'[1]第8,10表元データ'!AU6</f>
        <v>0</v>
      </c>
      <c r="AA18" s="50">
        <f>ROUND(('[1]第8,10表元データ'!AV6+'[1]第8,10表元データ'!AW6)/1000,0)</f>
        <v>0</v>
      </c>
      <c r="AB18" s="43">
        <v>4</v>
      </c>
    </row>
    <row r="19" spans="1:28" ht="15" customHeight="1">
      <c r="A19" s="39">
        <v>5</v>
      </c>
      <c r="B19" s="51" t="s">
        <v>60</v>
      </c>
      <c r="C19" s="62">
        <f>'[1]第8,10表元データ'!D7+'[1]第8,10表元データ'!E7</f>
        <v>0</v>
      </c>
      <c r="D19" s="62">
        <f>'[1]第8,10表元データ'!F7+'[1]第8,10表元データ'!G7</f>
        <v>0</v>
      </c>
      <c r="E19" s="62">
        <f>ROUND(('[1]第8,10表元データ'!H7+'[1]第8,10表元データ'!I7)/1000,0)</f>
        <v>0</v>
      </c>
      <c r="F19" s="62">
        <f>'[1]第8,10表元データ'!J7+'[1]第8,10表元データ'!K7</f>
        <v>0</v>
      </c>
      <c r="G19" s="62">
        <f>'[1]第8,10表元データ'!L7+'[1]第8,10表元データ'!M7</f>
        <v>0</v>
      </c>
      <c r="H19" s="62">
        <f>ROUND(('[1]第8,10表元データ'!N7+'[1]第8,10表元データ'!O7)/1000,0)</f>
        <v>0</v>
      </c>
      <c r="I19" s="62">
        <f>'[1]第8,10表元データ'!P7+'[1]第8,10表元データ'!Q7</f>
        <v>0</v>
      </c>
      <c r="J19" s="62">
        <f>'[1]第8,10表元データ'!R7+'[1]第8,10表元データ'!S7</f>
        <v>0</v>
      </c>
      <c r="K19" s="62">
        <f>ROUND(('[1]第8,10表元データ'!T7+'[1]第8,10表元データ'!U7)/1000,0)</f>
        <v>0</v>
      </c>
      <c r="L19" s="62">
        <f>'[1]第8,10表元データ'!V7+'[1]第8,10表元データ'!W7</f>
        <v>0</v>
      </c>
      <c r="M19" s="62">
        <f>'[1]第8,10表元データ'!X7+'[1]第8,10表元データ'!Y7</f>
        <v>0</v>
      </c>
      <c r="N19" s="62">
        <f>ROUND(('[1]第8,10表元データ'!Z7+'[1]第8,10表元データ'!AA7)/1000,0)</f>
        <v>0</v>
      </c>
      <c r="O19" s="62">
        <f>'[1]第8,10表元データ'!AB7+'[1]第8,10表元データ'!AC7</f>
        <v>0</v>
      </c>
      <c r="P19" s="62">
        <f>'[1]第8,10表元データ'!AD7+'[1]第8,10表元データ'!AE7</f>
        <v>0</v>
      </c>
      <c r="Q19" s="62">
        <f>ROUND(('[1]第8,10表元データ'!AF7+'[1]第8,10表元データ'!AG7)/1000,0)</f>
        <v>0</v>
      </c>
      <c r="R19" s="42">
        <v>5</v>
      </c>
      <c r="S19" s="49" t="s">
        <v>60</v>
      </c>
      <c r="T19" s="50">
        <f>'[1]第8,10表元データ'!AH7+'[1]第8,10表元データ'!AI7</f>
        <v>0</v>
      </c>
      <c r="U19" s="50">
        <f>'[1]第8,10表元データ'!AJ7+'[1]第8,10表元データ'!AK7</f>
        <v>0</v>
      </c>
      <c r="V19" s="50">
        <f>ROUND(('[1]第8,10表元データ'!AL7+'[1]第8,10表元データ'!AM7)/1000,0)</f>
        <v>0</v>
      </c>
      <c r="W19" s="50">
        <f>'[1]第8,10表元データ'!AN7+'[1]第8,10表元データ'!AO7</f>
        <v>0</v>
      </c>
      <c r="X19" s="50">
        <f>'[1]第8,10表元データ'!AP7+'[1]第8,10表元データ'!AQ7</f>
        <v>0</v>
      </c>
      <c r="Y19" s="50">
        <f>ROUND(('[1]第8,10表元データ'!AR7+'[1]第8,10表元データ'!AS7)/1000,0)</f>
        <v>0</v>
      </c>
      <c r="Z19" s="50">
        <f>'[1]第8,10表元データ'!AT7+'[1]第8,10表元データ'!AU7</f>
        <v>0</v>
      </c>
      <c r="AA19" s="50">
        <f>ROUND(('[1]第8,10表元データ'!AV7+'[1]第8,10表元データ'!AW7)/1000,0)</f>
        <v>0</v>
      </c>
      <c r="AB19" s="43">
        <v>5</v>
      </c>
    </row>
    <row r="20" spans="1:28" ht="15" customHeight="1">
      <c r="A20" s="39">
        <v>6</v>
      </c>
      <c r="B20" s="51" t="s">
        <v>61</v>
      </c>
      <c r="C20" s="62">
        <f>'[1]第8,10表元データ'!D8+'[1]第8,10表元データ'!E8</f>
        <v>0</v>
      </c>
      <c r="D20" s="62">
        <f>'[1]第8,10表元データ'!F8+'[1]第8,10表元データ'!G8</f>
        <v>0</v>
      </c>
      <c r="E20" s="62">
        <f>ROUND(('[1]第8,10表元データ'!H8+'[1]第8,10表元データ'!I8)/1000,0)</f>
        <v>0</v>
      </c>
      <c r="F20" s="62">
        <f>'[1]第8,10表元データ'!J8+'[1]第8,10表元データ'!K8</f>
        <v>0</v>
      </c>
      <c r="G20" s="62">
        <f>'[1]第8,10表元データ'!L8+'[1]第8,10表元データ'!M8</f>
        <v>0</v>
      </c>
      <c r="H20" s="62">
        <f>ROUND(('[1]第8,10表元データ'!N8+'[1]第8,10表元データ'!O8)/1000,0)</f>
        <v>0</v>
      </c>
      <c r="I20" s="62">
        <f>'[1]第8,10表元データ'!P8+'[1]第8,10表元データ'!Q8</f>
        <v>0</v>
      </c>
      <c r="J20" s="62">
        <f>'[1]第8,10表元データ'!R8+'[1]第8,10表元データ'!S8</f>
        <v>0</v>
      </c>
      <c r="K20" s="62">
        <f>ROUND(('[1]第8,10表元データ'!T8+'[1]第8,10表元データ'!U8)/1000,0)</f>
        <v>0</v>
      </c>
      <c r="L20" s="62">
        <f>'[1]第8,10表元データ'!V8+'[1]第8,10表元データ'!W8</f>
        <v>0</v>
      </c>
      <c r="M20" s="62">
        <f>'[1]第8,10表元データ'!X8+'[1]第8,10表元データ'!Y8</f>
        <v>0</v>
      </c>
      <c r="N20" s="62">
        <f>ROUND(('[1]第8,10表元データ'!Z8+'[1]第8,10表元データ'!AA8)/1000,0)</f>
        <v>0</v>
      </c>
      <c r="O20" s="62">
        <f>'[1]第8,10表元データ'!AB8+'[1]第8,10表元データ'!AC8</f>
        <v>0</v>
      </c>
      <c r="P20" s="62">
        <f>'[1]第8,10表元データ'!AD8+'[1]第8,10表元データ'!AE8</f>
        <v>0</v>
      </c>
      <c r="Q20" s="62">
        <f>ROUND(('[1]第8,10表元データ'!AF8+'[1]第8,10表元データ'!AG8)/1000,0)</f>
        <v>0</v>
      </c>
      <c r="R20" s="42">
        <v>6</v>
      </c>
      <c r="S20" s="49" t="s">
        <v>61</v>
      </c>
      <c r="T20" s="50">
        <f>'[1]第8,10表元データ'!AH8+'[1]第8,10表元データ'!AI8</f>
        <v>0</v>
      </c>
      <c r="U20" s="50">
        <f>'[1]第8,10表元データ'!AJ8+'[1]第8,10表元データ'!AK8</f>
        <v>0</v>
      </c>
      <c r="V20" s="50">
        <f>ROUND(('[1]第8,10表元データ'!AL8+'[1]第8,10表元データ'!AM8)/1000,0)</f>
        <v>0</v>
      </c>
      <c r="W20" s="50">
        <f>'[1]第8,10表元データ'!AN8+'[1]第8,10表元データ'!AO8</f>
        <v>0</v>
      </c>
      <c r="X20" s="50">
        <f>'[1]第8,10表元データ'!AP8+'[1]第8,10表元データ'!AQ8</f>
        <v>0</v>
      </c>
      <c r="Y20" s="50">
        <f>ROUND(('[1]第8,10表元データ'!AR8+'[1]第8,10表元データ'!AS8)/1000,0)</f>
        <v>0</v>
      </c>
      <c r="Z20" s="50">
        <f>'[1]第8,10表元データ'!AT8+'[1]第8,10表元データ'!AU8</f>
        <v>0</v>
      </c>
      <c r="AA20" s="50">
        <f>ROUND(('[1]第8,10表元データ'!AV8+'[1]第8,10表元データ'!AW8)/1000,0)</f>
        <v>0</v>
      </c>
      <c r="AB20" s="43">
        <v>6</v>
      </c>
    </row>
    <row r="21" spans="1:28" ht="15" customHeight="1">
      <c r="A21" s="39">
        <v>7</v>
      </c>
      <c r="B21" s="51" t="s">
        <v>62</v>
      </c>
      <c r="C21" s="62">
        <f>'[1]第8,10表元データ'!D9+'[1]第8,10表元データ'!E9</f>
        <v>0</v>
      </c>
      <c r="D21" s="62">
        <f>'[1]第8,10表元データ'!F9+'[1]第8,10表元データ'!G9</f>
        <v>0</v>
      </c>
      <c r="E21" s="62">
        <f>ROUND(('[1]第8,10表元データ'!H9+'[1]第8,10表元データ'!I9)/1000,0)</f>
        <v>0</v>
      </c>
      <c r="F21" s="62">
        <f>'[1]第8,10表元データ'!J9+'[1]第8,10表元データ'!K9</f>
        <v>0</v>
      </c>
      <c r="G21" s="62">
        <f>'[1]第8,10表元データ'!L9+'[1]第8,10表元データ'!M9</f>
        <v>0</v>
      </c>
      <c r="H21" s="62">
        <f>ROUND(('[1]第8,10表元データ'!N9+'[1]第8,10表元データ'!O9)/1000,0)</f>
        <v>0</v>
      </c>
      <c r="I21" s="62">
        <f>'[1]第8,10表元データ'!P9+'[1]第8,10表元データ'!Q9</f>
        <v>0</v>
      </c>
      <c r="J21" s="62">
        <f>'[1]第8,10表元データ'!R9+'[1]第8,10表元データ'!S9</f>
        <v>0</v>
      </c>
      <c r="K21" s="62">
        <f>ROUND(('[1]第8,10表元データ'!T9+'[1]第8,10表元データ'!U9)/1000,0)</f>
        <v>0</v>
      </c>
      <c r="L21" s="62">
        <f>'[1]第8,10表元データ'!V9+'[1]第8,10表元データ'!W9</f>
        <v>0</v>
      </c>
      <c r="M21" s="62">
        <f>'[1]第8,10表元データ'!X9+'[1]第8,10表元データ'!Y9</f>
        <v>0</v>
      </c>
      <c r="N21" s="62">
        <f>ROUND(('[1]第8,10表元データ'!Z9+'[1]第8,10表元データ'!AA9)/1000,0)</f>
        <v>0</v>
      </c>
      <c r="O21" s="62">
        <f>'[1]第8,10表元データ'!AB9+'[1]第8,10表元データ'!AC9</f>
        <v>0</v>
      </c>
      <c r="P21" s="62">
        <f>'[1]第8,10表元データ'!AD9+'[1]第8,10表元データ'!AE9</f>
        <v>0</v>
      </c>
      <c r="Q21" s="62">
        <f>ROUND(('[1]第8,10表元データ'!AF9+'[1]第8,10表元データ'!AG9)/1000,0)</f>
        <v>0</v>
      </c>
      <c r="R21" s="42">
        <v>7</v>
      </c>
      <c r="S21" s="49" t="s">
        <v>62</v>
      </c>
      <c r="T21" s="50">
        <f>'[1]第8,10表元データ'!AH9+'[1]第8,10表元データ'!AI9</f>
        <v>0</v>
      </c>
      <c r="U21" s="50">
        <f>'[1]第8,10表元データ'!AJ9+'[1]第8,10表元データ'!AK9</f>
        <v>0</v>
      </c>
      <c r="V21" s="50">
        <f>ROUND(('[1]第8,10表元データ'!AL9+'[1]第8,10表元データ'!AM9)/1000,0)</f>
        <v>0</v>
      </c>
      <c r="W21" s="50">
        <f>'[1]第8,10表元データ'!AN9+'[1]第8,10表元データ'!AO9</f>
        <v>0</v>
      </c>
      <c r="X21" s="50">
        <f>'[1]第8,10表元データ'!AP9+'[1]第8,10表元データ'!AQ9</f>
        <v>0</v>
      </c>
      <c r="Y21" s="50">
        <f>ROUND(('[1]第8,10表元データ'!AR9+'[1]第8,10表元データ'!AS9)/1000,0)</f>
        <v>0</v>
      </c>
      <c r="Z21" s="50">
        <f>'[1]第8,10表元データ'!AT9+'[1]第8,10表元データ'!AU9</f>
        <v>0</v>
      </c>
      <c r="AA21" s="50">
        <f>ROUND(('[1]第8,10表元データ'!AV9+'[1]第8,10表元データ'!AW9)/1000,0)</f>
        <v>0</v>
      </c>
      <c r="AB21" s="43">
        <v>7</v>
      </c>
    </row>
    <row r="22" spans="1:28" ht="15" customHeight="1">
      <c r="A22" s="39">
        <v>36</v>
      </c>
      <c r="B22" s="51" t="s">
        <v>63</v>
      </c>
      <c r="C22" s="62">
        <f>'[1]第8,10表元データ'!D10+'[1]第8,10表元データ'!E10</f>
        <v>0</v>
      </c>
      <c r="D22" s="62">
        <f>'[1]第8,10表元データ'!F10+'[1]第8,10表元データ'!G10</f>
        <v>0</v>
      </c>
      <c r="E22" s="62">
        <f>ROUND(('[1]第8,10表元データ'!H10+'[1]第8,10表元データ'!I10)/1000,0)</f>
        <v>0</v>
      </c>
      <c r="F22" s="62">
        <f>'[1]第8,10表元データ'!J10+'[1]第8,10表元データ'!K10</f>
        <v>0</v>
      </c>
      <c r="G22" s="62">
        <f>'[1]第8,10表元データ'!L10+'[1]第8,10表元データ'!M10</f>
        <v>0</v>
      </c>
      <c r="H22" s="62">
        <f>ROUND(('[1]第8,10表元データ'!N10+'[1]第8,10表元データ'!O10)/1000,0)</f>
        <v>0</v>
      </c>
      <c r="I22" s="62">
        <f>'[1]第8,10表元データ'!P10+'[1]第8,10表元データ'!Q10</f>
        <v>0</v>
      </c>
      <c r="J22" s="62">
        <f>'[1]第8,10表元データ'!R10+'[1]第8,10表元データ'!S10</f>
        <v>0</v>
      </c>
      <c r="K22" s="62">
        <f>ROUND(('[1]第8,10表元データ'!T10+'[1]第8,10表元データ'!U10)/1000,0)</f>
        <v>0</v>
      </c>
      <c r="L22" s="62">
        <f>'[1]第8,10表元データ'!V10+'[1]第8,10表元データ'!W10</f>
        <v>0</v>
      </c>
      <c r="M22" s="62">
        <f>'[1]第8,10表元データ'!X10+'[1]第8,10表元データ'!Y10</f>
        <v>0</v>
      </c>
      <c r="N22" s="62">
        <f>ROUND(('[1]第8,10表元データ'!Z10+'[1]第8,10表元データ'!AA10)/1000,0)</f>
        <v>0</v>
      </c>
      <c r="O22" s="62">
        <f>'[1]第8,10表元データ'!AB10+'[1]第8,10表元データ'!AC10</f>
        <v>0</v>
      </c>
      <c r="P22" s="62">
        <f>'[1]第8,10表元データ'!AD10+'[1]第8,10表元データ'!AE10</f>
        <v>0</v>
      </c>
      <c r="Q22" s="62">
        <f>ROUND(('[1]第8,10表元データ'!AF10+'[1]第8,10表元データ'!AG10)/1000,0)</f>
        <v>0</v>
      </c>
      <c r="R22" s="42">
        <v>36</v>
      </c>
      <c r="S22" s="49" t="s">
        <v>63</v>
      </c>
      <c r="T22" s="50">
        <f>'[1]第8,10表元データ'!AH10+'[1]第8,10表元データ'!AI10</f>
        <v>0</v>
      </c>
      <c r="U22" s="50">
        <f>'[1]第8,10表元データ'!AJ10+'[1]第8,10表元データ'!AK10</f>
        <v>0</v>
      </c>
      <c r="V22" s="50">
        <f>ROUND(('[1]第8,10表元データ'!AL10+'[1]第8,10表元データ'!AM10)/1000,0)</f>
        <v>0</v>
      </c>
      <c r="W22" s="50">
        <f>'[1]第8,10表元データ'!AN10+'[1]第8,10表元データ'!AO10</f>
        <v>0</v>
      </c>
      <c r="X22" s="50">
        <f>'[1]第8,10表元データ'!AP10+'[1]第8,10表元データ'!AQ10</f>
        <v>0</v>
      </c>
      <c r="Y22" s="50">
        <f>ROUND(('[1]第8,10表元データ'!AR10+'[1]第8,10表元データ'!AS10)/1000,0)</f>
        <v>0</v>
      </c>
      <c r="Z22" s="50">
        <f>'[1]第8,10表元データ'!AT10+'[1]第8,10表元データ'!AU10</f>
        <v>0</v>
      </c>
      <c r="AA22" s="50">
        <f>ROUND(('[1]第8,10表元データ'!AV10+'[1]第8,10表元データ'!AW10)/1000,0)</f>
        <v>0</v>
      </c>
      <c r="AB22" s="43">
        <v>36</v>
      </c>
    </row>
    <row r="23" spans="1:28" ht="15" customHeight="1">
      <c r="A23" s="39">
        <v>49</v>
      </c>
      <c r="B23" s="51" t="s">
        <v>64</v>
      </c>
      <c r="C23" s="62">
        <f>'[1]第8,10表元データ'!D11+'[1]第8,10表元データ'!E11</f>
        <v>0</v>
      </c>
      <c r="D23" s="62">
        <f>'[1]第8,10表元データ'!F11+'[1]第8,10表元データ'!G11</f>
        <v>0</v>
      </c>
      <c r="E23" s="62">
        <f>ROUND(('[1]第8,10表元データ'!H11+'[1]第8,10表元データ'!I11)/1000,0)</f>
        <v>0</v>
      </c>
      <c r="F23" s="62">
        <f>'[1]第8,10表元データ'!J11+'[1]第8,10表元データ'!K11</f>
        <v>0</v>
      </c>
      <c r="G23" s="62">
        <f>'[1]第8,10表元データ'!L11+'[1]第8,10表元データ'!M11</f>
        <v>0</v>
      </c>
      <c r="H23" s="62">
        <f>ROUND(('[1]第8,10表元データ'!N11+'[1]第8,10表元データ'!O11)/1000,0)</f>
        <v>0</v>
      </c>
      <c r="I23" s="62">
        <f>'[1]第8,10表元データ'!P11+'[1]第8,10表元データ'!Q11</f>
        <v>0</v>
      </c>
      <c r="J23" s="62">
        <f>'[1]第8,10表元データ'!R11+'[1]第8,10表元データ'!S11</f>
        <v>0</v>
      </c>
      <c r="K23" s="62">
        <f>ROUND(('[1]第8,10表元データ'!T11+'[1]第8,10表元データ'!U11)/1000,0)</f>
        <v>0</v>
      </c>
      <c r="L23" s="62">
        <f>'[1]第8,10表元データ'!V11+'[1]第8,10表元データ'!W11</f>
        <v>0</v>
      </c>
      <c r="M23" s="62">
        <f>'[1]第8,10表元データ'!X11+'[1]第8,10表元データ'!Y11</f>
        <v>0</v>
      </c>
      <c r="N23" s="62">
        <f>ROUND(('[1]第8,10表元データ'!Z11+'[1]第8,10表元データ'!AA11)/1000,0)</f>
        <v>0</v>
      </c>
      <c r="O23" s="62">
        <f>'[1]第8,10表元データ'!AB11+'[1]第8,10表元データ'!AC11</f>
        <v>0</v>
      </c>
      <c r="P23" s="62">
        <f>'[1]第8,10表元データ'!AD11+'[1]第8,10表元データ'!AE11</f>
        <v>0</v>
      </c>
      <c r="Q23" s="62">
        <f>ROUND(('[1]第8,10表元データ'!AF11+'[1]第8,10表元データ'!AG11)/1000,0)</f>
        <v>0</v>
      </c>
      <c r="R23" s="42">
        <v>49</v>
      </c>
      <c r="S23" s="49" t="s">
        <v>64</v>
      </c>
      <c r="T23" s="50">
        <f>'[1]第8,10表元データ'!AH11+'[1]第8,10表元データ'!AI11</f>
        <v>0</v>
      </c>
      <c r="U23" s="50">
        <f>'[1]第8,10表元データ'!AJ11+'[1]第8,10表元データ'!AK11</f>
        <v>0</v>
      </c>
      <c r="V23" s="50">
        <f>ROUND(('[1]第8,10表元データ'!AL11+'[1]第8,10表元データ'!AM11)/1000,0)</f>
        <v>0</v>
      </c>
      <c r="W23" s="50">
        <f>'[1]第8,10表元データ'!AN11+'[1]第8,10表元データ'!AO11</f>
        <v>0</v>
      </c>
      <c r="X23" s="50">
        <f>'[1]第8,10表元データ'!AP11+'[1]第8,10表元データ'!AQ11</f>
        <v>0</v>
      </c>
      <c r="Y23" s="50">
        <f>ROUND(('[1]第8,10表元データ'!AR11+'[1]第8,10表元データ'!AS11)/1000,0)</f>
        <v>0</v>
      </c>
      <c r="Z23" s="50">
        <f>'[1]第8,10表元データ'!AT11+'[1]第8,10表元データ'!AU11</f>
        <v>0</v>
      </c>
      <c r="AA23" s="50">
        <f>ROUND(('[1]第8,10表元データ'!AV11+'[1]第8,10表元データ'!AW11)/1000,0)</f>
        <v>0</v>
      </c>
      <c r="AB23" s="43">
        <v>49</v>
      </c>
    </row>
    <row r="24" spans="1:28" ht="15" customHeight="1">
      <c r="A24" s="39">
        <v>57</v>
      </c>
      <c r="B24" s="51" t="s">
        <v>65</v>
      </c>
      <c r="C24" s="62">
        <f>'[1]第8,10表元データ'!D12+'[1]第8,10表元データ'!E12</f>
        <v>0</v>
      </c>
      <c r="D24" s="62">
        <f>'[1]第8,10表元データ'!F12+'[1]第8,10表元データ'!G12</f>
        <v>0</v>
      </c>
      <c r="E24" s="62">
        <f>ROUND(('[1]第8,10表元データ'!H12+'[1]第8,10表元データ'!I12)/1000,0)</f>
        <v>0</v>
      </c>
      <c r="F24" s="62">
        <f>'[1]第8,10表元データ'!J12+'[1]第8,10表元データ'!K12</f>
        <v>0</v>
      </c>
      <c r="G24" s="62">
        <f>'[1]第8,10表元データ'!L12+'[1]第8,10表元データ'!M12</f>
        <v>0</v>
      </c>
      <c r="H24" s="62">
        <f>ROUND(('[1]第8,10表元データ'!N12+'[1]第8,10表元データ'!O12)/1000,0)</f>
        <v>0</v>
      </c>
      <c r="I24" s="62">
        <f>'[1]第8,10表元データ'!P12+'[1]第8,10表元データ'!Q12</f>
        <v>0</v>
      </c>
      <c r="J24" s="62">
        <f>'[1]第8,10表元データ'!R12+'[1]第8,10表元データ'!S12</f>
        <v>0</v>
      </c>
      <c r="K24" s="62">
        <f>ROUND(('[1]第8,10表元データ'!T12+'[1]第8,10表元データ'!U12)/1000,0)</f>
        <v>0</v>
      </c>
      <c r="L24" s="62">
        <f>'[1]第8,10表元データ'!V12+'[1]第8,10表元データ'!W12</f>
        <v>0</v>
      </c>
      <c r="M24" s="62">
        <f>'[1]第8,10表元データ'!X12+'[1]第8,10表元データ'!Y12</f>
        <v>0</v>
      </c>
      <c r="N24" s="62">
        <f>ROUND(('[1]第8,10表元データ'!Z12+'[1]第8,10表元データ'!AA12)/1000,0)</f>
        <v>0</v>
      </c>
      <c r="O24" s="62">
        <f>'[1]第8,10表元データ'!AB12+'[1]第8,10表元データ'!AC12</f>
        <v>0</v>
      </c>
      <c r="P24" s="62">
        <f>'[1]第8,10表元データ'!AD12+'[1]第8,10表元データ'!AE12</f>
        <v>0</v>
      </c>
      <c r="Q24" s="62">
        <f>ROUND(('[1]第8,10表元データ'!AF12+'[1]第8,10表元データ'!AG12)/1000,0)</f>
        <v>0</v>
      </c>
      <c r="R24" s="42">
        <v>57</v>
      </c>
      <c r="S24" s="49" t="s">
        <v>65</v>
      </c>
      <c r="T24" s="50">
        <f>'[1]第8,10表元データ'!AH12+'[1]第8,10表元データ'!AI12</f>
        <v>0</v>
      </c>
      <c r="U24" s="50">
        <f>'[1]第8,10表元データ'!AJ12+'[1]第8,10表元データ'!AK12</f>
        <v>0</v>
      </c>
      <c r="V24" s="50">
        <f>ROUND(('[1]第8,10表元データ'!AL12+'[1]第8,10表元データ'!AM12)/1000,0)</f>
        <v>0</v>
      </c>
      <c r="W24" s="50">
        <f>'[1]第8,10表元データ'!AN12+'[1]第8,10表元データ'!AO12</f>
        <v>0</v>
      </c>
      <c r="X24" s="50">
        <f>'[1]第8,10表元データ'!AP12+'[1]第8,10表元データ'!AQ12</f>
        <v>0</v>
      </c>
      <c r="Y24" s="50">
        <f>ROUND(('[1]第8,10表元データ'!AR12+'[1]第8,10表元データ'!AS12)/1000,0)</f>
        <v>0</v>
      </c>
      <c r="Z24" s="50">
        <f>'[1]第8,10表元データ'!AT12+'[1]第8,10表元データ'!AU12</f>
        <v>0</v>
      </c>
      <c r="AA24" s="50">
        <f>ROUND(('[1]第8,10表元データ'!AV12+'[1]第8,10表元データ'!AW12)/1000,0)</f>
        <v>0</v>
      </c>
      <c r="AB24" s="43">
        <v>57</v>
      </c>
    </row>
    <row r="25" spans="1:28" ht="15" customHeight="1">
      <c r="A25" s="39">
        <v>58</v>
      </c>
      <c r="B25" s="51" t="s">
        <v>66</v>
      </c>
      <c r="C25" s="62">
        <f>'[1]第8,10表元データ'!D13+'[1]第8,10表元データ'!E13</f>
        <v>0</v>
      </c>
      <c r="D25" s="62">
        <f>'[1]第8,10表元データ'!F13+'[1]第8,10表元データ'!G13</f>
        <v>0</v>
      </c>
      <c r="E25" s="62">
        <f>ROUND(('[1]第8,10表元データ'!H13+'[1]第8,10表元データ'!I13)/1000,0)</f>
        <v>0</v>
      </c>
      <c r="F25" s="62">
        <f>'[1]第8,10表元データ'!J13+'[1]第8,10表元データ'!K13</f>
        <v>0</v>
      </c>
      <c r="G25" s="62">
        <f>'[1]第8,10表元データ'!L13+'[1]第8,10表元データ'!M13</f>
        <v>0</v>
      </c>
      <c r="H25" s="62">
        <f>ROUND(('[1]第8,10表元データ'!N13+'[1]第8,10表元データ'!O13)/1000,0)</f>
        <v>0</v>
      </c>
      <c r="I25" s="62">
        <f>'[1]第8,10表元データ'!P13+'[1]第8,10表元データ'!Q13</f>
        <v>0</v>
      </c>
      <c r="J25" s="62">
        <f>'[1]第8,10表元データ'!R13+'[1]第8,10表元データ'!S13</f>
        <v>0</v>
      </c>
      <c r="K25" s="62">
        <f>ROUND(('[1]第8,10表元データ'!T13+'[1]第8,10表元データ'!U13)/1000,0)</f>
        <v>0</v>
      </c>
      <c r="L25" s="62">
        <f>'[1]第8,10表元データ'!V13+'[1]第8,10表元データ'!W13</f>
        <v>0</v>
      </c>
      <c r="M25" s="62">
        <f>'[1]第8,10表元データ'!X13+'[1]第8,10表元データ'!Y13</f>
        <v>0</v>
      </c>
      <c r="N25" s="62">
        <f>ROUND(('[1]第8,10表元データ'!Z13+'[1]第8,10表元データ'!AA13)/1000,0)</f>
        <v>0</v>
      </c>
      <c r="O25" s="62">
        <f>'[1]第8,10表元データ'!AB13+'[1]第8,10表元データ'!AC13</f>
        <v>0</v>
      </c>
      <c r="P25" s="62">
        <f>'[1]第8,10表元データ'!AD13+'[1]第8,10表元データ'!AE13</f>
        <v>0</v>
      </c>
      <c r="Q25" s="62">
        <f>ROUND(('[1]第8,10表元データ'!AF13+'[1]第8,10表元データ'!AG13)/1000,0)</f>
        <v>0</v>
      </c>
      <c r="R25" s="42">
        <v>58</v>
      </c>
      <c r="S25" s="49" t="s">
        <v>66</v>
      </c>
      <c r="T25" s="50">
        <f>'[1]第8,10表元データ'!AH13+'[1]第8,10表元データ'!AI13</f>
        <v>0</v>
      </c>
      <c r="U25" s="50">
        <f>'[1]第8,10表元データ'!AJ13+'[1]第8,10表元データ'!AK13</f>
        <v>0</v>
      </c>
      <c r="V25" s="50">
        <f>ROUND(('[1]第8,10表元データ'!AL13+'[1]第8,10表元データ'!AM13)/1000,0)</f>
        <v>0</v>
      </c>
      <c r="W25" s="50">
        <f>'[1]第8,10表元データ'!AN13+'[1]第8,10表元データ'!AO13</f>
        <v>0</v>
      </c>
      <c r="X25" s="50">
        <f>'[1]第8,10表元データ'!AP13+'[1]第8,10表元データ'!AQ13</f>
        <v>0</v>
      </c>
      <c r="Y25" s="50">
        <f>ROUND(('[1]第8,10表元データ'!AR13+'[1]第8,10表元データ'!AS13)/1000,0)</f>
        <v>0</v>
      </c>
      <c r="Z25" s="50">
        <f>'[1]第8,10表元データ'!AT13+'[1]第8,10表元データ'!AU13</f>
        <v>0</v>
      </c>
      <c r="AA25" s="50">
        <f>ROUND(('[1]第8,10表元データ'!AV13+'[1]第8,10表元データ'!AW13)/1000,0)</f>
        <v>0</v>
      </c>
      <c r="AB25" s="43">
        <v>58</v>
      </c>
    </row>
    <row r="26" spans="1:28" ht="15" customHeight="1">
      <c r="A26" s="39">
        <v>59</v>
      </c>
      <c r="B26" s="51" t="s">
        <v>67</v>
      </c>
      <c r="C26" s="62">
        <f>'[1]第8,10表元データ'!D14+'[1]第8,10表元データ'!E14</f>
        <v>0</v>
      </c>
      <c r="D26" s="62">
        <f>'[1]第8,10表元データ'!F14+'[1]第8,10表元データ'!G14</f>
        <v>0</v>
      </c>
      <c r="E26" s="62">
        <f>ROUND(('[1]第8,10表元データ'!H14+'[1]第8,10表元データ'!I14)/1000,0)</f>
        <v>0</v>
      </c>
      <c r="F26" s="62">
        <f>'[1]第8,10表元データ'!J14+'[1]第8,10表元データ'!K14</f>
        <v>0</v>
      </c>
      <c r="G26" s="62">
        <f>'[1]第8,10表元データ'!L14+'[1]第8,10表元データ'!M14</f>
        <v>0</v>
      </c>
      <c r="H26" s="62">
        <f>ROUND(('[1]第8,10表元データ'!N14+'[1]第8,10表元データ'!O14)/1000,0)</f>
        <v>0</v>
      </c>
      <c r="I26" s="62">
        <f>'[1]第8,10表元データ'!P14+'[1]第8,10表元データ'!Q14</f>
        <v>0</v>
      </c>
      <c r="J26" s="62">
        <f>'[1]第8,10表元データ'!R14+'[1]第8,10表元データ'!S14</f>
        <v>0</v>
      </c>
      <c r="K26" s="62">
        <f>ROUND(('[1]第8,10表元データ'!T14+'[1]第8,10表元データ'!U14)/1000,0)</f>
        <v>0</v>
      </c>
      <c r="L26" s="62">
        <f>'[1]第8,10表元データ'!V14+'[1]第8,10表元データ'!W14</f>
        <v>0</v>
      </c>
      <c r="M26" s="62">
        <f>'[1]第8,10表元データ'!X14+'[1]第8,10表元データ'!Y14</f>
        <v>0</v>
      </c>
      <c r="N26" s="62">
        <f>ROUND(('[1]第8,10表元データ'!Z14+'[1]第8,10表元データ'!AA14)/1000,0)</f>
        <v>0</v>
      </c>
      <c r="O26" s="62">
        <f>'[1]第8,10表元データ'!AB14+'[1]第8,10表元データ'!AC14</f>
        <v>0</v>
      </c>
      <c r="P26" s="62">
        <f>'[1]第8,10表元データ'!AD14+'[1]第8,10表元データ'!AE14</f>
        <v>0</v>
      </c>
      <c r="Q26" s="62">
        <f>ROUND(('[1]第8,10表元データ'!AF14+'[1]第8,10表元データ'!AG14)/1000,0)</f>
        <v>0</v>
      </c>
      <c r="R26" s="42">
        <v>59</v>
      </c>
      <c r="S26" s="49" t="s">
        <v>67</v>
      </c>
      <c r="T26" s="50">
        <f>'[1]第8,10表元データ'!AH14+'[1]第8,10表元データ'!AI14</f>
        <v>0</v>
      </c>
      <c r="U26" s="50">
        <f>'[1]第8,10表元データ'!AJ14+'[1]第8,10表元データ'!AK14</f>
        <v>0</v>
      </c>
      <c r="V26" s="50">
        <f>ROUND(('[1]第8,10表元データ'!AL14+'[1]第8,10表元データ'!AM14)/1000,0)</f>
        <v>0</v>
      </c>
      <c r="W26" s="50">
        <f>'[1]第8,10表元データ'!AN14+'[1]第8,10表元データ'!AO14</f>
        <v>0</v>
      </c>
      <c r="X26" s="50">
        <f>'[1]第8,10表元データ'!AP14+'[1]第8,10表元データ'!AQ14</f>
        <v>0</v>
      </c>
      <c r="Y26" s="50">
        <f>ROUND(('[1]第8,10表元データ'!AR14+'[1]第8,10表元データ'!AS14)/1000,0)</f>
        <v>0</v>
      </c>
      <c r="Z26" s="50">
        <f>'[1]第8,10表元データ'!AT14+'[1]第8,10表元データ'!AU14</f>
        <v>0</v>
      </c>
      <c r="AA26" s="50">
        <f>ROUND(('[1]第8,10表元データ'!AV14+'[1]第8,10表元データ'!AW14)/1000,0)</f>
        <v>0</v>
      </c>
      <c r="AB26" s="43">
        <v>59</v>
      </c>
    </row>
    <row r="27" spans="1:28" ht="15" customHeight="1">
      <c r="A27" s="39">
        <v>61</v>
      </c>
      <c r="B27" s="51" t="s">
        <v>68</v>
      </c>
      <c r="C27" s="62">
        <f>'[1]第8,10表元データ'!D15+'[1]第8,10表元データ'!E15</f>
        <v>0</v>
      </c>
      <c r="D27" s="62">
        <f>'[1]第8,10表元データ'!F15+'[1]第8,10表元データ'!G15</f>
        <v>0</v>
      </c>
      <c r="E27" s="62">
        <f>ROUND(('[1]第8,10表元データ'!H15+'[1]第8,10表元データ'!I15)/1000,0)</f>
        <v>0</v>
      </c>
      <c r="F27" s="62">
        <f>'[1]第8,10表元データ'!J15+'[1]第8,10表元データ'!K15</f>
        <v>0</v>
      </c>
      <c r="G27" s="62">
        <f>'[1]第8,10表元データ'!L15+'[1]第8,10表元データ'!M15</f>
        <v>0</v>
      </c>
      <c r="H27" s="62">
        <f>ROUND(('[1]第8,10表元データ'!N15+'[1]第8,10表元データ'!O15)/1000,0)</f>
        <v>0</v>
      </c>
      <c r="I27" s="62">
        <f>'[1]第8,10表元データ'!P15+'[1]第8,10表元データ'!Q15</f>
        <v>0</v>
      </c>
      <c r="J27" s="62">
        <f>'[1]第8,10表元データ'!R15+'[1]第8,10表元データ'!S15</f>
        <v>0</v>
      </c>
      <c r="K27" s="62">
        <f>ROUND(('[1]第8,10表元データ'!T15+'[1]第8,10表元データ'!U15)/1000,0)</f>
        <v>0</v>
      </c>
      <c r="L27" s="62">
        <f>'[1]第8,10表元データ'!V15+'[1]第8,10表元データ'!W15</f>
        <v>0</v>
      </c>
      <c r="M27" s="62">
        <f>'[1]第8,10表元データ'!X15+'[1]第8,10表元データ'!Y15</f>
        <v>0</v>
      </c>
      <c r="N27" s="62">
        <f>ROUND(('[1]第8,10表元データ'!Z15+'[1]第8,10表元データ'!AA15)/1000,0)</f>
        <v>0</v>
      </c>
      <c r="O27" s="62">
        <f>'[1]第8,10表元データ'!AB15+'[1]第8,10表元データ'!AC15</f>
        <v>0</v>
      </c>
      <c r="P27" s="62">
        <f>'[1]第8,10表元データ'!AD15+'[1]第8,10表元データ'!AE15</f>
        <v>0</v>
      </c>
      <c r="Q27" s="62">
        <f>ROUND(('[1]第8,10表元データ'!AF15+'[1]第8,10表元データ'!AG15)/1000,0)</f>
        <v>0</v>
      </c>
      <c r="R27" s="42">
        <v>61</v>
      </c>
      <c r="S27" s="49" t="s">
        <v>68</v>
      </c>
      <c r="T27" s="50">
        <f>'[1]第8,10表元データ'!AH15+'[1]第8,10表元データ'!AI15</f>
        <v>0</v>
      </c>
      <c r="U27" s="50">
        <f>'[1]第8,10表元データ'!AJ15+'[1]第8,10表元データ'!AK15</f>
        <v>0</v>
      </c>
      <c r="V27" s="50">
        <f>ROUND(('[1]第8,10表元データ'!AL15+'[1]第8,10表元データ'!AM15)/1000,0)</f>
        <v>0</v>
      </c>
      <c r="W27" s="50">
        <f>'[1]第8,10表元データ'!AN15+'[1]第8,10表元データ'!AO15</f>
        <v>0</v>
      </c>
      <c r="X27" s="50">
        <f>'[1]第8,10表元データ'!AP15+'[1]第8,10表元データ'!AQ15</f>
        <v>0</v>
      </c>
      <c r="Y27" s="50">
        <f>ROUND(('[1]第8,10表元データ'!AR15+'[1]第8,10表元データ'!AS15)/1000,0)</f>
        <v>0</v>
      </c>
      <c r="Z27" s="50">
        <f>'[1]第8,10表元データ'!AT15+'[1]第8,10表元データ'!AU15</f>
        <v>0</v>
      </c>
      <c r="AA27" s="50">
        <f>ROUND(('[1]第8,10表元データ'!AV15+'[1]第8,10表元データ'!AW15)/1000,0)</f>
        <v>0</v>
      </c>
      <c r="AB27" s="43">
        <v>61</v>
      </c>
    </row>
    <row r="28" spans="1:28" ht="15" customHeight="1">
      <c r="A28" s="39">
        <v>81</v>
      </c>
      <c r="B28" s="51" t="s">
        <v>69</v>
      </c>
      <c r="C28" s="62">
        <f>'[1]第8,10表元データ'!D16+'[1]第8,10表元データ'!E16</f>
        <v>0</v>
      </c>
      <c r="D28" s="62">
        <f>'[1]第8,10表元データ'!F16+'[1]第8,10表元データ'!G16</f>
        <v>0</v>
      </c>
      <c r="E28" s="62">
        <f>ROUND(('[1]第8,10表元データ'!H16+'[1]第8,10表元データ'!I16)/1000,0)</f>
        <v>0</v>
      </c>
      <c r="F28" s="62">
        <f>'[1]第8,10表元データ'!J16+'[1]第8,10表元データ'!K16</f>
        <v>0</v>
      </c>
      <c r="G28" s="62">
        <f>'[1]第8,10表元データ'!L16+'[1]第8,10表元データ'!M16</f>
        <v>0</v>
      </c>
      <c r="H28" s="62">
        <f>ROUND(('[1]第8,10表元データ'!N16+'[1]第8,10表元データ'!O16)/1000,0)</f>
        <v>0</v>
      </c>
      <c r="I28" s="62">
        <f>'[1]第8,10表元データ'!P16+'[1]第8,10表元データ'!Q16</f>
        <v>0</v>
      </c>
      <c r="J28" s="62">
        <f>'[1]第8,10表元データ'!R16+'[1]第8,10表元データ'!S16</f>
        <v>0</v>
      </c>
      <c r="K28" s="62">
        <f>ROUND(('[1]第8,10表元データ'!T16+'[1]第8,10表元データ'!U16)/1000,0)</f>
        <v>0</v>
      </c>
      <c r="L28" s="62">
        <f>'[1]第8,10表元データ'!V16+'[1]第8,10表元データ'!W16</f>
        <v>0</v>
      </c>
      <c r="M28" s="62">
        <f>'[1]第8,10表元データ'!X16+'[1]第8,10表元データ'!Y16</f>
        <v>0</v>
      </c>
      <c r="N28" s="62">
        <f>ROUND(('[1]第8,10表元データ'!Z16+'[1]第8,10表元データ'!AA16)/1000,0)</f>
        <v>0</v>
      </c>
      <c r="O28" s="62">
        <f>'[1]第8,10表元データ'!AB16+'[1]第8,10表元データ'!AC16</f>
        <v>0</v>
      </c>
      <c r="P28" s="62">
        <f>'[1]第8,10表元データ'!AD16+'[1]第8,10表元データ'!AE16</f>
        <v>0</v>
      </c>
      <c r="Q28" s="62">
        <f>ROUND(('[1]第8,10表元データ'!AF16+'[1]第8,10表元データ'!AG16)/1000,0)</f>
        <v>0</v>
      </c>
      <c r="R28" s="42">
        <v>81</v>
      </c>
      <c r="S28" s="49" t="s">
        <v>69</v>
      </c>
      <c r="T28" s="50">
        <f>'[1]第8,10表元データ'!AH16+'[1]第8,10表元データ'!AI16</f>
        <v>0</v>
      </c>
      <c r="U28" s="50">
        <f>'[1]第8,10表元データ'!AJ16+'[1]第8,10表元データ'!AK16</f>
        <v>0</v>
      </c>
      <c r="V28" s="50">
        <f>ROUND(('[1]第8,10表元データ'!AL16+'[1]第8,10表元データ'!AM16)/1000,0)</f>
        <v>0</v>
      </c>
      <c r="W28" s="50">
        <f>'[1]第8,10表元データ'!AN16+'[1]第8,10表元データ'!AO16</f>
        <v>0</v>
      </c>
      <c r="X28" s="50">
        <f>'[1]第8,10表元データ'!AP16+'[1]第8,10表元データ'!AQ16</f>
        <v>0</v>
      </c>
      <c r="Y28" s="50">
        <f>ROUND(('[1]第8,10表元データ'!AR16+'[1]第8,10表元データ'!AS16)/1000,0)</f>
        <v>0</v>
      </c>
      <c r="Z28" s="50">
        <f>'[1]第8,10表元データ'!AT16+'[1]第8,10表元データ'!AU16</f>
        <v>0</v>
      </c>
      <c r="AA28" s="50">
        <f>ROUND(('[1]第8,10表元データ'!AV16+'[1]第8,10表元データ'!AW16)/1000,0)</f>
        <v>0</v>
      </c>
      <c r="AB28" s="43">
        <v>81</v>
      </c>
    </row>
    <row r="29" spans="1:28" ht="15" customHeight="1">
      <c r="A29" s="39">
        <v>82</v>
      </c>
      <c r="B29" s="51" t="s">
        <v>70</v>
      </c>
      <c r="C29" s="62">
        <f>'[1]第8,10表元データ'!D17+'[1]第8,10表元データ'!E17</f>
        <v>0</v>
      </c>
      <c r="D29" s="62">
        <f>'[1]第8,10表元データ'!F17+'[1]第8,10表元データ'!G17</f>
        <v>0</v>
      </c>
      <c r="E29" s="62">
        <f>ROUND(('[1]第8,10表元データ'!H17+'[1]第8,10表元データ'!I17)/1000,0)</f>
        <v>0</v>
      </c>
      <c r="F29" s="62">
        <f>'[1]第8,10表元データ'!J17+'[1]第8,10表元データ'!K17</f>
        <v>0</v>
      </c>
      <c r="G29" s="62">
        <f>'[1]第8,10表元データ'!L17+'[1]第8,10表元データ'!M17</f>
        <v>0</v>
      </c>
      <c r="H29" s="62">
        <f>ROUND(('[1]第8,10表元データ'!N17+'[1]第8,10表元データ'!O17)/1000,0)</f>
        <v>0</v>
      </c>
      <c r="I29" s="62">
        <f>'[1]第8,10表元データ'!P17+'[1]第8,10表元データ'!Q17</f>
        <v>0</v>
      </c>
      <c r="J29" s="62">
        <f>'[1]第8,10表元データ'!R17+'[1]第8,10表元データ'!S17</f>
        <v>0</v>
      </c>
      <c r="K29" s="62">
        <f>ROUND(('[1]第8,10表元データ'!T17+'[1]第8,10表元データ'!U17)/1000,0)</f>
        <v>0</v>
      </c>
      <c r="L29" s="62">
        <f>'[1]第8,10表元データ'!V17+'[1]第8,10表元データ'!W17</f>
        <v>0</v>
      </c>
      <c r="M29" s="62">
        <f>'[1]第8,10表元データ'!X17+'[1]第8,10表元データ'!Y17</f>
        <v>0</v>
      </c>
      <c r="N29" s="62">
        <f>ROUND(('[1]第8,10表元データ'!Z17+'[1]第8,10表元データ'!AA17)/1000,0)</f>
        <v>0</v>
      </c>
      <c r="O29" s="62">
        <f>'[1]第8,10表元データ'!AB17+'[1]第8,10表元データ'!AC17</f>
        <v>0</v>
      </c>
      <c r="P29" s="62">
        <f>'[1]第8,10表元データ'!AD17+'[1]第8,10表元データ'!AE17</f>
        <v>0</v>
      </c>
      <c r="Q29" s="62">
        <f>ROUND(('[1]第8,10表元データ'!AF17+'[1]第8,10表元データ'!AG17)/1000,0)</f>
        <v>0</v>
      </c>
      <c r="R29" s="42">
        <v>82</v>
      </c>
      <c r="S29" s="49" t="s">
        <v>70</v>
      </c>
      <c r="T29" s="50">
        <f>'[1]第8,10表元データ'!AH17+'[1]第8,10表元データ'!AI17</f>
        <v>0</v>
      </c>
      <c r="U29" s="50">
        <f>'[1]第8,10表元データ'!AJ17+'[1]第8,10表元データ'!AK17</f>
        <v>0</v>
      </c>
      <c r="V29" s="50">
        <f>ROUND(('[1]第8,10表元データ'!AL17+'[1]第8,10表元データ'!AM17)/1000,0)</f>
        <v>0</v>
      </c>
      <c r="W29" s="50">
        <f>'[1]第8,10表元データ'!AN17+'[1]第8,10表元データ'!AO17</f>
        <v>0</v>
      </c>
      <c r="X29" s="50">
        <f>'[1]第8,10表元データ'!AP17+'[1]第8,10表元データ'!AQ17</f>
        <v>0</v>
      </c>
      <c r="Y29" s="50">
        <f>ROUND(('[1]第8,10表元データ'!AR17+'[1]第8,10表元データ'!AS17)/1000,0)</f>
        <v>0</v>
      </c>
      <c r="Z29" s="50">
        <f>'[1]第8,10表元データ'!AT17+'[1]第8,10表元データ'!AU17</f>
        <v>0</v>
      </c>
      <c r="AA29" s="50">
        <f>ROUND(('[1]第8,10表元データ'!AV17+'[1]第8,10表元データ'!AW17)/1000,0)</f>
        <v>0</v>
      </c>
      <c r="AB29" s="43">
        <v>82</v>
      </c>
    </row>
    <row r="30" spans="1:28" ht="15" customHeight="1">
      <c r="A30" s="39">
        <v>83</v>
      </c>
      <c r="B30" s="51" t="s">
        <v>71</v>
      </c>
      <c r="C30" s="62">
        <f>'[1]第8,10表元データ'!D18+'[1]第8,10表元データ'!E18</f>
        <v>0</v>
      </c>
      <c r="D30" s="62">
        <f>'[1]第8,10表元データ'!F18+'[1]第8,10表元データ'!G18</f>
        <v>0</v>
      </c>
      <c r="E30" s="62">
        <f>ROUND(('[1]第8,10表元データ'!H18+'[1]第8,10表元データ'!I18)/1000,0)</f>
        <v>0</v>
      </c>
      <c r="F30" s="62">
        <f>'[1]第8,10表元データ'!J18+'[1]第8,10表元データ'!K18</f>
        <v>0</v>
      </c>
      <c r="G30" s="62">
        <f>'[1]第8,10表元データ'!L18+'[1]第8,10表元データ'!M18</f>
        <v>0</v>
      </c>
      <c r="H30" s="62">
        <f>ROUND(('[1]第8,10表元データ'!N18+'[1]第8,10表元データ'!O18)/1000,0)</f>
        <v>0</v>
      </c>
      <c r="I30" s="62">
        <f>'[1]第8,10表元データ'!P18+'[1]第8,10表元データ'!Q18</f>
        <v>0</v>
      </c>
      <c r="J30" s="62">
        <f>'[1]第8,10表元データ'!R18+'[1]第8,10表元データ'!S18</f>
        <v>0</v>
      </c>
      <c r="K30" s="62">
        <f>ROUND(('[1]第8,10表元データ'!T18+'[1]第8,10表元データ'!U18)/1000,0)</f>
        <v>0</v>
      </c>
      <c r="L30" s="62">
        <f>'[1]第8,10表元データ'!V18+'[1]第8,10表元データ'!W18</f>
        <v>0</v>
      </c>
      <c r="M30" s="62">
        <f>'[1]第8,10表元データ'!X18+'[1]第8,10表元データ'!Y18</f>
        <v>0</v>
      </c>
      <c r="N30" s="62">
        <f>ROUND(('[1]第8,10表元データ'!Z18+'[1]第8,10表元データ'!AA18)/1000,0)</f>
        <v>0</v>
      </c>
      <c r="O30" s="62">
        <f>'[1]第8,10表元データ'!AB18+'[1]第8,10表元データ'!AC18</f>
        <v>0</v>
      </c>
      <c r="P30" s="62">
        <f>'[1]第8,10表元データ'!AD18+'[1]第8,10表元データ'!AE18</f>
        <v>0</v>
      </c>
      <c r="Q30" s="62">
        <f>ROUND(('[1]第8,10表元データ'!AF18+'[1]第8,10表元データ'!AG18)/1000,0)</f>
        <v>0</v>
      </c>
      <c r="R30" s="42">
        <v>83</v>
      </c>
      <c r="S30" s="49" t="s">
        <v>71</v>
      </c>
      <c r="T30" s="50">
        <f>'[1]第8,10表元データ'!AH18+'[1]第8,10表元データ'!AI18</f>
        <v>0</v>
      </c>
      <c r="U30" s="50">
        <f>'[1]第8,10表元データ'!AJ18+'[1]第8,10表元データ'!AK18</f>
        <v>0</v>
      </c>
      <c r="V30" s="50">
        <f>ROUND(('[1]第8,10表元データ'!AL18+'[1]第8,10表元データ'!AM18)/1000,0)</f>
        <v>0</v>
      </c>
      <c r="W30" s="50">
        <f>'[1]第8,10表元データ'!AN18+'[1]第8,10表元データ'!AO18</f>
        <v>0</v>
      </c>
      <c r="X30" s="50">
        <f>'[1]第8,10表元データ'!AP18+'[1]第8,10表元データ'!AQ18</f>
        <v>0</v>
      </c>
      <c r="Y30" s="50">
        <f>ROUND(('[1]第8,10表元データ'!AR18+'[1]第8,10表元データ'!AS18)/1000,0)</f>
        <v>0</v>
      </c>
      <c r="Z30" s="50">
        <f>'[1]第8,10表元データ'!AT18+'[1]第8,10表元データ'!AU18</f>
        <v>0</v>
      </c>
      <c r="AA30" s="50">
        <f>ROUND(('[1]第8,10表元データ'!AV18+'[1]第8,10表元データ'!AW18)/1000,0)</f>
        <v>0</v>
      </c>
      <c r="AB30" s="43">
        <v>83</v>
      </c>
    </row>
    <row r="31" spans="1:28" ht="15" customHeight="1">
      <c r="A31" s="39">
        <v>84</v>
      </c>
      <c r="B31" s="51" t="s">
        <v>72</v>
      </c>
      <c r="C31" s="62">
        <f>'[1]第8,10表元データ'!D19+'[1]第8,10表元データ'!E19</f>
        <v>0</v>
      </c>
      <c r="D31" s="62">
        <f>'[1]第8,10表元データ'!F19+'[1]第8,10表元データ'!G19</f>
        <v>0</v>
      </c>
      <c r="E31" s="62">
        <f>ROUND(('[1]第8,10表元データ'!H19+'[1]第8,10表元データ'!I19)/1000,0)</f>
        <v>0</v>
      </c>
      <c r="F31" s="62">
        <f>'[1]第8,10表元データ'!J19+'[1]第8,10表元データ'!K19</f>
        <v>0</v>
      </c>
      <c r="G31" s="62">
        <f>'[1]第8,10表元データ'!L19+'[1]第8,10表元データ'!M19</f>
        <v>0</v>
      </c>
      <c r="H31" s="62">
        <f>ROUND(('[1]第8,10表元データ'!N19+'[1]第8,10表元データ'!O19)/1000,0)</f>
        <v>0</v>
      </c>
      <c r="I31" s="62">
        <f>'[1]第8,10表元データ'!P19+'[1]第8,10表元データ'!Q19</f>
        <v>0</v>
      </c>
      <c r="J31" s="62">
        <f>'[1]第8,10表元データ'!R19+'[1]第8,10表元データ'!S19</f>
        <v>0</v>
      </c>
      <c r="K31" s="62">
        <f>ROUND(('[1]第8,10表元データ'!T19+'[1]第8,10表元データ'!U19)/1000,0)</f>
        <v>0</v>
      </c>
      <c r="L31" s="62">
        <f>'[1]第8,10表元データ'!V19+'[1]第8,10表元データ'!W19</f>
        <v>0</v>
      </c>
      <c r="M31" s="62">
        <f>'[1]第8,10表元データ'!X19+'[1]第8,10表元データ'!Y19</f>
        <v>0</v>
      </c>
      <c r="N31" s="62">
        <f>ROUND(('[1]第8,10表元データ'!Z19+'[1]第8,10表元データ'!AA19)/1000,0)</f>
        <v>0</v>
      </c>
      <c r="O31" s="62">
        <f>'[1]第8,10表元データ'!AB19+'[1]第8,10表元データ'!AC19</f>
        <v>0</v>
      </c>
      <c r="P31" s="62">
        <f>'[1]第8,10表元データ'!AD19+'[1]第8,10表元データ'!AE19</f>
        <v>0</v>
      </c>
      <c r="Q31" s="62">
        <f>ROUND(('[1]第8,10表元データ'!AF19+'[1]第8,10表元データ'!AG19)/1000,0)</f>
        <v>0</v>
      </c>
      <c r="R31" s="42">
        <v>84</v>
      </c>
      <c r="S31" s="49" t="s">
        <v>72</v>
      </c>
      <c r="T31" s="50">
        <f>'[1]第8,10表元データ'!AH19+'[1]第8,10表元データ'!AI19</f>
        <v>0</v>
      </c>
      <c r="U31" s="50">
        <f>'[1]第8,10表元データ'!AJ19+'[1]第8,10表元データ'!AK19</f>
        <v>0</v>
      </c>
      <c r="V31" s="50">
        <f>ROUND(('[1]第8,10表元データ'!AL19+'[1]第8,10表元データ'!AM19)/1000,0)</f>
        <v>0</v>
      </c>
      <c r="W31" s="50">
        <f>'[1]第8,10表元データ'!AN19+'[1]第8,10表元データ'!AO19</f>
        <v>0</v>
      </c>
      <c r="X31" s="50">
        <f>'[1]第8,10表元データ'!AP19+'[1]第8,10表元データ'!AQ19</f>
        <v>0</v>
      </c>
      <c r="Y31" s="50">
        <f>ROUND(('[1]第8,10表元データ'!AR19+'[1]第8,10表元データ'!AS19)/1000,0)</f>
        <v>0</v>
      </c>
      <c r="Z31" s="50">
        <f>'[1]第8,10表元データ'!AT19+'[1]第8,10表元データ'!AU19</f>
        <v>0</v>
      </c>
      <c r="AA31" s="50">
        <f>ROUND(('[1]第8,10表元データ'!AV19+'[1]第8,10表元データ'!AW19)/1000,0)</f>
        <v>0</v>
      </c>
      <c r="AB31" s="43">
        <v>84</v>
      </c>
    </row>
    <row r="32" spans="1:28" ht="15" customHeight="1">
      <c r="A32" s="39">
        <v>85</v>
      </c>
      <c r="B32" s="51" t="s">
        <v>73</v>
      </c>
      <c r="C32" s="62">
        <f>'[1]第8,10表元データ'!D20+'[1]第8,10表元データ'!E20</f>
        <v>0</v>
      </c>
      <c r="D32" s="62">
        <f>'[1]第8,10表元データ'!F20+'[1]第8,10表元データ'!G20</f>
        <v>0</v>
      </c>
      <c r="E32" s="62">
        <f>ROUND(('[1]第8,10表元データ'!H20+'[1]第8,10表元データ'!I20)/1000,0)</f>
        <v>0</v>
      </c>
      <c r="F32" s="62">
        <f>'[1]第8,10表元データ'!J20+'[1]第8,10表元データ'!K20</f>
        <v>0</v>
      </c>
      <c r="G32" s="62">
        <f>'[1]第8,10表元データ'!L20+'[1]第8,10表元データ'!M20</f>
        <v>0</v>
      </c>
      <c r="H32" s="62">
        <f>ROUND(('[1]第8,10表元データ'!N20+'[1]第8,10表元データ'!O20)/1000,0)</f>
        <v>0</v>
      </c>
      <c r="I32" s="62">
        <f>'[1]第8,10表元データ'!P20+'[1]第8,10表元データ'!Q20</f>
        <v>0</v>
      </c>
      <c r="J32" s="62">
        <f>'[1]第8,10表元データ'!R20+'[1]第8,10表元データ'!S20</f>
        <v>0</v>
      </c>
      <c r="K32" s="62">
        <f>ROUND(('[1]第8,10表元データ'!T20+'[1]第8,10表元データ'!U20)/1000,0)</f>
        <v>0</v>
      </c>
      <c r="L32" s="62">
        <f>'[1]第8,10表元データ'!V20+'[1]第8,10表元データ'!W20</f>
        <v>0</v>
      </c>
      <c r="M32" s="62">
        <f>'[1]第8,10表元データ'!X20+'[1]第8,10表元データ'!Y20</f>
        <v>0</v>
      </c>
      <c r="N32" s="62">
        <f>ROUND(('[1]第8,10表元データ'!Z20+'[1]第8,10表元データ'!AA20)/1000,0)</f>
        <v>0</v>
      </c>
      <c r="O32" s="62">
        <f>'[1]第8,10表元データ'!AB20+'[1]第8,10表元データ'!AC20</f>
        <v>0</v>
      </c>
      <c r="P32" s="62">
        <f>'[1]第8,10表元データ'!AD20+'[1]第8,10表元データ'!AE20</f>
        <v>0</v>
      </c>
      <c r="Q32" s="62">
        <f>ROUND(('[1]第8,10表元データ'!AF20+'[1]第8,10表元データ'!AG20)/1000,0)</f>
        <v>0</v>
      </c>
      <c r="R32" s="42">
        <v>85</v>
      </c>
      <c r="S32" s="49" t="s">
        <v>73</v>
      </c>
      <c r="T32" s="50">
        <f>'[1]第8,10表元データ'!AH20+'[1]第8,10表元データ'!AI20</f>
        <v>0</v>
      </c>
      <c r="U32" s="50">
        <f>'[1]第8,10表元データ'!AJ20+'[1]第8,10表元データ'!AK20</f>
        <v>0</v>
      </c>
      <c r="V32" s="50">
        <f>ROUND(('[1]第8,10表元データ'!AL20+'[1]第8,10表元データ'!AM20)/1000,0)</f>
        <v>0</v>
      </c>
      <c r="W32" s="50">
        <f>'[1]第8,10表元データ'!AN20+'[1]第8,10表元データ'!AO20</f>
        <v>0</v>
      </c>
      <c r="X32" s="50">
        <f>'[1]第8,10表元データ'!AP20+'[1]第8,10表元データ'!AQ20</f>
        <v>0</v>
      </c>
      <c r="Y32" s="50">
        <f>ROUND(('[1]第8,10表元データ'!AR20+'[1]第8,10表元データ'!AS20)/1000,0)</f>
        <v>0</v>
      </c>
      <c r="Z32" s="50">
        <f>'[1]第8,10表元データ'!AT20+'[1]第8,10表元データ'!AU20</f>
        <v>0</v>
      </c>
      <c r="AA32" s="50">
        <f>ROUND(('[1]第8,10表元データ'!AV20+'[1]第8,10表元データ'!AW20)/1000,0)</f>
        <v>0</v>
      </c>
      <c r="AB32" s="43">
        <v>85</v>
      </c>
    </row>
    <row r="33" spans="1:28" ht="15" customHeight="1">
      <c r="A33" s="39">
        <v>86</v>
      </c>
      <c r="B33" s="51" t="s">
        <v>74</v>
      </c>
      <c r="C33" s="62">
        <f>'[1]第8,10表元データ'!D21+'[1]第8,10表元データ'!E21</f>
        <v>0</v>
      </c>
      <c r="D33" s="62">
        <f>'[1]第8,10表元データ'!F21+'[1]第8,10表元データ'!G21</f>
        <v>0</v>
      </c>
      <c r="E33" s="62">
        <f>ROUND(('[1]第8,10表元データ'!H21+'[1]第8,10表元データ'!I21)/1000,0)</f>
        <v>0</v>
      </c>
      <c r="F33" s="62">
        <f>'[1]第8,10表元データ'!J21+'[1]第8,10表元データ'!K21</f>
        <v>0</v>
      </c>
      <c r="G33" s="62">
        <f>'[1]第8,10表元データ'!L21+'[1]第8,10表元データ'!M21</f>
        <v>0</v>
      </c>
      <c r="H33" s="62">
        <f>ROUND(('[1]第8,10表元データ'!N21+'[1]第8,10表元データ'!O21)/1000,0)</f>
        <v>0</v>
      </c>
      <c r="I33" s="62">
        <f>'[1]第8,10表元データ'!P21+'[1]第8,10表元データ'!Q21</f>
        <v>0</v>
      </c>
      <c r="J33" s="62">
        <f>'[1]第8,10表元データ'!R21+'[1]第8,10表元データ'!S21</f>
        <v>0</v>
      </c>
      <c r="K33" s="62">
        <f>ROUND(('[1]第8,10表元データ'!T21+'[1]第8,10表元データ'!U21)/1000,0)</f>
        <v>0</v>
      </c>
      <c r="L33" s="62">
        <f>'[1]第8,10表元データ'!V21+'[1]第8,10表元データ'!W21</f>
        <v>0</v>
      </c>
      <c r="M33" s="62">
        <f>'[1]第8,10表元データ'!X21+'[1]第8,10表元データ'!Y21</f>
        <v>0</v>
      </c>
      <c r="N33" s="62">
        <f>ROUND(('[1]第8,10表元データ'!Z21+'[1]第8,10表元データ'!AA21)/1000,0)</f>
        <v>0</v>
      </c>
      <c r="O33" s="62">
        <f>'[1]第8,10表元データ'!AB21+'[1]第8,10表元データ'!AC21</f>
        <v>0</v>
      </c>
      <c r="P33" s="62">
        <f>'[1]第8,10表元データ'!AD21+'[1]第8,10表元データ'!AE21</f>
        <v>0</v>
      </c>
      <c r="Q33" s="62">
        <f>ROUND(('[1]第8,10表元データ'!AF21+'[1]第8,10表元データ'!AG21)/1000,0)</f>
        <v>0</v>
      </c>
      <c r="R33" s="44">
        <v>86</v>
      </c>
      <c r="S33" s="52" t="s">
        <v>74</v>
      </c>
      <c r="T33" s="53">
        <f>'[1]第8,10表元データ'!AH21+'[1]第8,10表元データ'!AI21</f>
        <v>0</v>
      </c>
      <c r="U33" s="53">
        <f>'[1]第8,10表元データ'!AJ21+'[1]第8,10表元データ'!AK21</f>
        <v>0</v>
      </c>
      <c r="V33" s="53">
        <f>ROUND(('[1]第8,10表元データ'!AL21+'[1]第8,10表元データ'!AM21)/1000,0)</f>
        <v>0</v>
      </c>
      <c r="W33" s="53">
        <f>'[1]第8,10表元データ'!AN21+'[1]第8,10表元データ'!AO21</f>
        <v>0</v>
      </c>
      <c r="X33" s="53">
        <f>'[1]第8,10表元データ'!AP21+'[1]第8,10表元データ'!AQ21</f>
        <v>0</v>
      </c>
      <c r="Y33" s="53">
        <f>ROUND(('[1]第8,10表元データ'!AR21+'[1]第8,10表元データ'!AS21)/1000,0)</f>
        <v>0</v>
      </c>
      <c r="Z33" s="53">
        <f>'[1]第8,10表元データ'!AT21+'[1]第8,10表元データ'!AU21</f>
        <v>0</v>
      </c>
      <c r="AA33" s="53">
        <f>ROUND(('[1]第8,10表元データ'!AV21+'[1]第8,10表元データ'!AW21)/1000,0)</f>
        <v>0</v>
      </c>
      <c r="AB33" s="47">
        <v>86</v>
      </c>
    </row>
    <row r="34" spans="1:28" ht="15" customHeight="1">
      <c r="A34" s="34"/>
      <c r="B34" s="48"/>
      <c r="C34" s="58"/>
      <c r="D34" s="58"/>
      <c r="E34" s="58"/>
      <c r="F34" s="58"/>
      <c r="G34" s="58"/>
      <c r="H34" s="58"/>
      <c r="I34" s="58"/>
      <c r="J34" s="58"/>
      <c r="K34" s="58"/>
      <c r="L34" s="58"/>
      <c r="M34" s="58"/>
      <c r="N34" s="58"/>
      <c r="O34" s="58"/>
      <c r="P34" s="58"/>
      <c r="Q34" s="58"/>
      <c r="R34" s="42"/>
      <c r="S34" s="49"/>
      <c r="T34" s="41"/>
      <c r="U34" s="41"/>
      <c r="V34" s="41"/>
      <c r="W34" s="41"/>
      <c r="X34" s="41"/>
      <c r="Y34" s="41"/>
      <c r="Z34" s="41"/>
      <c r="AA34" s="41"/>
      <c r="AB34" s="43"/>
    </row>
    <row r="35" spans="1:28" ht="15" customHeight="1">
      <c r="A35" s="34">
        <v>301</v>
      </c>
      <c r="B35" s="48" t="s">
        <v>75</v>
      </c>
      <c r="C35" s="63" t="s">
        <v>55</v>
      </c>
      <c r="D35" s="63" t="s">
        <v>55</v>
      </c>
      <c r="E35" s="63" t="s">
        <v>55</v>
      </c>
      <c r="F35" s="63" t="s">
        <v>55</v>
      </c>
      <c r="G35" s="63" t="s">
        <v>55</v>
      </c>
      <c r="H35" s="63" t="s">
        <v>55</v>
      </c>
      <c r="I35" s="63" t="s">
        <v>55</v>
      </c>
      <c r="J35" s="63" t="s">
        <v>55</v>
      </c>
      <c r="K35" s="63" t="s">
        <v>55</v>
      </c>
      <c r="L35" s="63" t="s">
        <v>55</v>
      </c>
      <c r="M35" s="63" t="s">
        <v>55</v>
      </c>
      <c r="N35" s="63" t="s">
        <v>55</v>
      </c>
      <c r="O35" s="63" t="s">
        <v>55</v>
      </c>
      <c r="P35" s="63" t="s">
        <v>55</v>
      </c>
      <c r="Q35" s="63" t="s">
        <v>55</v>
      </c>
      <c r="R35" s="54">
        <v>301</v>
      </c>
      <c r="S35" s="55" t="s">
        <v>75</v>
      </c>
      <c r="T35" s="56" t="s">
        <v>55</v>
      </c>
      <c r="U35" s="56" t="s">
        <v>55</v>
      </c>
      <c r="V35" s="56" t="s">
        <v>55</v>
      </c>
      <c r="W35" s="56" t="s">
        <v>55</v>
      </c>
      <c r="X35" s="56" t="s">
        <v>55</v>
      </c>
      <c r="Y35" s="56" t="s">
        <v>55</v>
      </c>
      <c r="Z35" s="56" t="s">
        <v>55</v>
      </c>
      <c r="AA35" s="56" t="s">
        <v>55</v>
      </c>
      <c r="AB35" s="57">
        <v>301</v>
      </c>
    </row>
    <row r="36" spans="1:28" ht="15" customHeight="1">
      <c r="A36" s="34"/>
      <c r="B36" s="48"/>
      <c r="C36" s="58"/>
      <c r="D36" s="58"/>
      <c r="E36" s="58"/>
      <c r="F36" s="58"/>
      <c r="G36" s="58"/>
      <c r="H36" s="58"/>
      <c r="I36" s="58"/>
      <c r="J36" s="58"/>
      <c r="K36" s="58"/>
      <c r="L36" s="58"/>
      <c r="M36" s="58"/>
      <c r="N36" s="58"/>
      <c r="O36" s="58"/>
      <c r="P36" s="58"/>
      <c r="Q36" s="58"/>
      <c r="R36" s="42"/>
      <c r="S36" s="49"/>
      <c r="T36" s="41"/>
      <c r="U36" s="41"/>
      <c r="V36" s="41"/>
      <c r="W36" s="41"/>
      <c r="X36" s="41"/>
      <c r="Y36" s="41"/>
      <c r="Z36" s="41"/>
      <c r="AA36" s="41"/>
      <c r="AB36" s="43"/>
    </row>
  </sheetData>
  <mergeCells count="25">
    <mergeCell ref="AB8:AB10"/>
    <mergeCell ref="C9:E9"/>
    <mergeCell ref="F9:H9"/>
    <mergeCell ref="I9:K9"/>
    <mergeCell ref="L9:N9"/>
    <mergeCell ref="O9:Q9"/>
    <mergeCell ref="T9:V9"/>
    <mergeCell ref="W9:Y9"/>
    <mergeCell ref="Z9:AA9"/>
    <mergeCell ref="O3:Q3"/>
    <mergeCell ref="T3:V3"/>
    <mergeCell ref="W3:Y3"/>
    <mergeCell ref="Z3:AA3"/>
    <mergeCell ref="A8:A10"/>
    <mergeCell ref="B8:B10"/>
    <mergeCell ref="C8:Q8"/>
    <mergeCell ref="R8:R10"/>
    <mergeCell ref="S8:S10"/>
    <mergeCell ref="T8:AA8"/>
    <mergeCell ref="A2:A5"/>
    <mergeCell ref="B2:B5"/>
    <mergeCell ref="C3:E3"/>
    <mergeCell ref="F3:H3"/>
    <mergeCell ref="I3:K3"/>
    <mergeCell ref="L3:N3"/>
  </mergeCells>
  <phoneticPr fontId="2"/>
  <pageMargins left="0.78740157480314965" right="0.78740157480314965" top="0.98425196850393704" bottom="0.55118110236220474" header="0.51181102362204722" footer="0.31496062992125984"/>
  <pageSetup paperSize="9" scale="87" fitToWidth="2" orientation="landscape" r:id="rId1"/>
  <headerFooter alignWithMargins="0"/>
  <colBreaks count="1" manualBreakCount="1">
    <brk id="17" min="6" max="37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8-1</vt:lpstr>
      <vt:lpstr>'sheet8-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6:31:11Z</dcterms:created>
  <dcterms:modified xsi:type="dcterms:W3CDTF">2025-10-30T06:32:16Z</dcterms:modified>
</cp:coreProperties>
</file>